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theme/theme2.xml" ContentType="application/vnd.openxmlformats-officedocument.theme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notesSlides/notesSlide4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0"/>
    <p:sldMasterId id="2147483693" r:id="rId11"/>
    <p:sldMasterId id="2147483708" r:id="rId12"/>
  </p:sldMasterIdLst>
  <p:notesMasterIdLst>
    <p:notesMasterId r:id="rId19"/>
  </p:notesMasterIdLst>
  <p:sldIdLst>
    <p:sldId id="2147473225" r:id="rId13"/>
    <p:sldId id="2147473155" r:id="rId14"/>
    <p:sldId id="2147473138" r:id="rId15"/>
    <p:sldId id="2147473287" r:id="rId16"/>
    <p:sldId id="309" r:id="rId17"/>
    <p:sldId id="2147473286" r:id="rId18"/>
  </p:sldIdLst>
  <p:sldSz cx="12192000" cy="6858000"/>
  <p:notesSz cx="6797675" cy="9926638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54DE0122-1E67-1317-DD69-677807201DDE}" name="Stinne Hørup Hansen" initials="SH" userId="S::stinne@sdu.dk::eae96554-9afb-4167-a596-8d85979b33a9" providerId="AD"/>
  <p188:author id="{378AC745-29DA-1752-57E4-23F869096FA8}" name="Maria Cecilie Vonsild" initials="MV" userId="S::mcv@sdu.dk::bb4fcaa1-eb57-43c6-bdf2-4b21f0a46044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E5E5E5"/>
    <a:srgbClr val="F9F1F0"/>
    <a:srgbClr val="BFBFBF"/>
    <a:srgbClr val="000000"/>
    <a:srgbClr val="AEB86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Ingen typografi, tabelgitter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5A111915-BE36-4E01-A7E5-04B1672EAD32}" styleName="Lyst layout 2 - Markering 5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</a:tcBdr>
      </a:tcStyle>
    </a:band1H>
    <a:band1V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</a:tcBdr>
      </a:tcStyle>
    </a:band1V>
    <a:band2V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5"/>
        </a:fillRef>
      </a:tcStyle>
    </a:firstRow>
  </a:tblStyle>
  <a:tblStyle styleId="{7E9639D4-E3E2-4D34-9284-5A2195B3D0D7}" styleName="Lyst layou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  <a:tblStyle styleId="{2D5ABB26-0587-4C30-8999-92F81FD0307C}" styleName="Ingen typografi, intet gitter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BDBED569-4797-4DF1-A0F4-6AAB3CD982D8}" styleName="Lyst layout 3 - Markering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16DA210-FB5B-4158-B5E0-FEB733F419BA}" styleName="Lyst layout 3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D7AC3CCA-C797-4891-BE02-D94E43425B78}" styleName="Medium Style 4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dk1"/>
              </a:solidFill>
            </a:ln>
          </a:left>
          <a:right>
            <a:ln w="12700" cmpd="sng">
              <a:solidFill>
                <a:schemeClr val="dk1"/>
              </a:solidFill>
            </a:ln>
          </a:right>
          <a:top>
            <a:ln w="12700" cmpd="sng">
              <a:solidFill>
                <a:schemeClr val="dk1"/>
              </a:solidFill>
            </a:ln>
          </a:top>
          <a:bottom>
            <a:ln w="12700" cmpd="sng">
              <a:solidFill>
                <a:schemeClr val="dk1"/>
              </a:solidFill>
            </a:ln>
          </a:bottom>
          <a:insideH>
            <a:ln w="12700" cmpd="sng">
              <a:solidFill>
                <a:schemeClr val="dk1"/>
              </a:solidFill>
            </a:ln>
          </a:insideH>
          <a:insideV>
            <a:ln w="12700" cmpd="sng">
              <a:solidFill>
                <a:schemeClr val="dk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dk1"/>
              </a:solidFill>
            </a:ln>
          </a:top>
        </a:tcBdr>
        <a:fill>
          <a:solidFill>
            <a:schemeClr val="dk1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dk1">
              <a:tint val="20000"/>
            </a:schemeClr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7DF18680-E054-41AD-8BC1-D1AEF772440D}" styleName="Medium Style 2 - Accent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86861" autoAdjust="0"/>
  </p:normalViewPr>
  <p:slideViewPr>
    <p:cSldViewPr snapToGrid="0">
      <p:cViewPr varScale="1">
        <p:scale>
          <a:sx n="41" d="100"/>
          <a:sy n="41" d="100"/>
        </p:scale>
        <p:origin x="54" y="118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3.xml"/><Relationship Id="rId17" Type="http://schemas.openxmlformats.org/officeDocument/2006/relationships/slide" Target="slides/slide5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2.xml"/><Relationship Id="rId24" Type="http://schemas.microsoft.com/office/2018/10/relationships/authors" Target="author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tableStyles" Target="tableStyles.xml"/><Relationship Id="rId10" Type="http://schemas.openxmlformats.org/officeDocument/2006/relationships/slideMaster" Target="slideMasters/slideMaster1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theme" Target="theme/theme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5_1">
  <dgm:title val=""/>
  <dgm:desc val=""/>
  <dgm:catLst>
    <dgm:cat type="accent5" pri="11100"/>
  </dgm:catLst>
  <dgm:styleLbl name="node0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accent5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accent5">
        <a:tint val="40000"/>
      </a:schemeClr>
    </dgm:fillClrLst>
    <dgm:linClrLst meth="repeat">
      <a:schemeClr val="accent5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5">
        <a:tint val="40000"/>
      </a:schemeClr>
    </dgm:fillClrLst>
    <dgm:linClrLst meth="repeat">
      <a:schemeClr val="accent5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5">
        <a:tint val="40000"/>
      </a:schemeClr>
    </dgm:fillClrLst>
    <dgm:linClrLst meth="repeat">
      <a:schemeClr val="accent5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5">
        <a:tint val="60000"/>
      </a:schemeClr>
    </dgm:fillClrLst>
    <dgm:linClrLst meth="repeat">
      <a:schemeClr val="accent5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accent5">
        <a:tint val="60000"/>
      </a:schemeClr>
    </dgm:fillClrLst>
    <dgm:linClrLst meth="repeat">
      <a:schemeClr val="accent5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accent5">
        <a:tint val="60000"/>
      </a:schemeClr>
    </dgm:fillClrLst>
    <dgm:linClrLst meth="repeat">
      <a:schemeClr val="accent5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accent5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accent5">
        <a:tint val="60000"/>
      </a:schemeClr>
    </dgm:fillClrLst>
    <dgm:linClrLst meth="repeat">
      <a:schemeClr val="accent5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accent5"/>
    </dgm:fillClrLst>
    <dgm:linClrLst meth="repeat">
      <a:schemeClr val="accent5"/>
    </dgm:linClrLst>
    <dgm:effectClrLst/>
    <dgm:txLinClrLst/>
    <dgm:txFillClrLst/>
    <dgm:txEffectClrLst/>
  </dgm:styleLbl>
  <dgm:styleLbl name="parChTrans2D3">
    <dgm:fillClrLst meth="repeat">
      <a:schemeClr val="accent5"/>
    </dgm:fillClrLst>
    <dgm:linClrLst meth="repeat">
      <a:schemeClr val="accent5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5"/>
    </dgm:fillClrLst>
    <dgm:linClrLst meth="repeat">
      <a:schemeClr val="accent5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5"/>
    </dgm:fillClrLst>
    <dgm:linClrLst meth="repeat">
      <a:schemeClr val="accent5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/>
    </dgm:fillClrLst>
    <dgm:linClrLst meth="repeat">
      <a:schemeClr val="accent5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accent5">
        <a:alpha val="90000"/>
        <a:tint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accent5">
        <a:alpha val="90000"/>
        <a:tint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accent5">
        <a:alpha val="90000"/>
        <a:tint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accent5">
        <a:alpha val="40000"/>
        <a:tint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accent5">
        <a:alpha val="90000"/>
        <a:tint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accent5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accent5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accent5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accent5">
        <a:alpha val="90000"/>
        <a:tint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accent5">
        <a:alpha val="90000"/>
        <a:tint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accent5">
        <a:alpha val="90000"/>
        <a:tint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accent5">
        <a:alpha val="90000"/>
        <a:tint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8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6_1">
  <dgm:title val=""/>
  <dgm:desc val=""/>
  <dgm:catLst>
    <dgm:cat type="accent6" pri="11100"/>
  </dgm:catLst>
  <dgm:styleLbl name="node0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accent6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accent6">
        <a:tint val="40000"/>
      </a:schemeClr>
    </dgm:fillClrLst>
    <dgm:linClrLst meth="repeat">
      <a:schemeClr val="accent6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6">
        <a:tint val="40000"/>
      </a:schemeClr>
    </dgm:fillClrLst>
    <dgm:linClrLst meth="repeat">
      <a:schemeClr val="accent6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6">
        <a:tint val="40000"/>
      </a:schemeClr>
    </dgm:fillClrLst>
    <dgm:linClrLst meth="repeat">
      <a:schemeClr val="accent6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6">
        <a:tint val="60000"/>
      </a:schemeClr>
    </dgm:fillClrLst>
    <dgm:linClrLst meth="repeat">
      <a:schemeClr val="accent6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accent6">
        <a:tint val="60000"/>
      </a:schemeClr>
    </dgm:fillClrLst>
    <dgm:linClrLst meth="repeat">
      <a:schemeClr val="accent6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accent6">
        <a:tint val="60000"/>
      </a:schemeClr>
    </dgm:fillClrLst>
    <dgm:linClrLst meth="repeat">
      <a:schemeClr val="accent6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accent6"/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6"/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accent6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accent6">
        <a:tint val="60000"/>
      </a:schemeClr>
    </dgm:fillClrLst>
    <dgm:linClrLst meth="repeat">
      <a:schemeClr val="accent6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accent6"/>
    </dgm:fillClrLst>
    <dgm:linClrLst meth="repeat">
      <a:schemeClr val="accent6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accent6"/>
    </dgm:linClrLst>
    <dgm:effectClrLst/>
    <dgm:txLinClrLst/>
    <dgm:txFillClrLst/>
    <dgm:txEffectClrLst/>
  </dgm:styleLbl>
  <dgm:styleLbl name="parChTrans2D4">
    <dgm:fillClrLst meth="repeat">
      <a:schemeClr val="accent6"/>
    </dgm:fillClrLst>
    <dgm:linClrLst meth="repeat">
      <a:schemeClr val="accent6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6"/>
    </dgm:fillClrLst>
    <dgm:linClrLst meth="repeat">
      <a:schemeClr val="accent6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/>
    </dgm:fillClrLst>
    <dgm:linClrLst meth="repeat">
      <a:schemeClr val="accent6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/>
    </dgm:fillClrLst>
    <dgm:linClrLst meth="repeat">
      <a:schemeClr val="accent6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/>
    </dgm:fillClrLst>
    <dgm:linClrLst meth="repeat">
      <a:schemeClr val="accent6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accent6">
        <a:alpha val="90000"/>
        <a:tint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accent6">
        <a:alpha val="90000"/>
        <a:tint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accent6">
        <a:alpha val="90000"/>
        <a:tint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accent6">
        <a:alpha val="40000"/>
        <a:tint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accent6">
        <a:alpha val="90000"/>
        <a:tint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accent6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accent6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accent6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accent6">
        <a:alpha val="90000"/>
        <a:tint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accent6">
        <a:alpha val="90000"/>
        <a:tint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accent6">
        <a:alpha val="90000"/>
        <a:tint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accent6">
        <a:alpha val="90000"/>
        <a:tint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6">
        <a:tint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6">
        <a:shade val="80000"/>
      </a:schemeClr>
    </dgm:fillClrLst>
    <dgm:linClrLst meth="repeat">
      <a:schemeClr val="accent6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6">
        <a:tint val="50000"/>
        <a:alpha val="40000"/>
      </a:schemeClr>
    </dgm:fillClrLst>
    <dgm:linClrLst meth="repeat">
      <a:schemeClr val="accent6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6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8102B695-B02E-486C-8E07-F57D436094CB}" type="doc">
      <dgm:prSet loTypeId="urn:microsoft.com/office/officeart/2005/8/layout/radial4" loCatId="relationship" qsTypeId="urn:microsoft.com/office/officeart/2005/8/quickstyle/simple1" qsCatId="simple" csTypeId="urn:microsoft.com/office/officeart/2005/8/colors/accent5_1" csCatId="accent5" phldr="1"/>
      <dgm:spPr/>
      <dgm:t>
        <a:bodyPr/>
        <a:lstStyle/>
        <a:p>
          <a:endParaRPr lang="da-DK"/>
        </a:p>
      </dgm:t>
    </dgm:pt>
    <dgm:pt modelId="{BF9389A1-091F-4CE3-8797-FC5D77EA279A}">
      <dgm:prSet phldrT="[Text]" custT="1"/>
      <dgm:spPr/>
      <dgm:t>
        <a:bodyPr/>
        <a:lstStyle/>
        <a:p>
          <a:endParaRPr lang="da-DK" sz="1200"/>
        </a:p>
      </dgm:t>
    </dgm:pt>
    <dgm:pt modelId="{A7C11CC1-E7C0-44FD-97B7-516BC70FF8E3}" type="parTrans" cxnId="{7ADF68ED-B9C5-4A08-B905-6529298C6196}">
      <dgm:prSet/>
      <dgm:spPr/>
      <dgm:t>
        <a:bodyPr/>
        <a:lstStyle/>
        <a:p>
          <a:endParaRPr lang="da-DK"/>
        </a:p>
      </dgm:t>
    </dgm:pt>
    <dgm:pt modelId="{D68BAE28-A4D7-49DA-A912-5DCC96C2D1AA}" type="sibTrans" cxnId="{7ADF68ED-B9C5-4A08-B905-6529298C6196}">
      <dgm:prSet/>
      <dgm:spPr/>
      <dgm:t>
        <a:bodyPr/>
        <a:lstStyle/>
        <a:p>
          <a:endParaRPr lang="da-DK"/>
        </a:p>
      </dgm:t>
    </dgm:pt>
    <dgm:pt modelId="{794801A2-0502-4994-96F7-5980D268DDBE}">
      <dgm:prSet phldrT="[Text]" custT="1"/>
      <dgm:spPr/>
      <dgm:t>
        <a:bodyPr/>
        <a:lstStyle/>
        <a:p>
          <a:pPr>
            <a:buClrTx/>
            <a:buSzTx/>
            <a:buFontTx/>
            <a:buNone/>
          </a:pPr>
          <a:r>
            <a:rPr lang="da-DK" sz="1100">
              <a:solidFill>
                <a:prstClr val="black"/>
              </a:solidFill>
              <a:cs typeface="Arial"/>
            </a:rPr>
            <a:t>Forandringen af SDU’s nuværende uddannelsesadministration skal styrke og modne vores evner til at arbejde strategisk; arbejde med udvikling; frigøre ressourcer; og skabe værdi og kvalitet for alle vores brugere.</a:t>
          </a:r>
        </a:p>
        <a:p>
          <a:pPr>
            <a:buClrTx/>
            <a:buSzTx/>
            <a:buFontTx/>
            <a:buNone/>
          </a:pPr>
          <a:r>
            <a:rPr kumimoji="0" lang="da-DK" sz="1100" b="0" i="1" u="none" strike="noStrike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(</a:t>
          </a:r>
          <a:r>
            <a:rPr kumimoji="0" lang="da-DK" sz="1100" b="0" i="1" u="none" strike="noStrike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Carve</a:t>
          </a:r>
          <a:r>
            <a:rPr kumimoji="0" lang="da-DK" sz="1100" b="0" i="1" u="none" strike="noStrike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 rapport, 2023) </a:t>
          </a:r>
          <a:endParaRPr lang="da-DK" sz="1100"/>
        </a:p>
      </dgm:t>
    </dgm:pt>
    <dgm:pt modelId="{40B7A860-8351-47B0-8978-231E41C6E12A}" type="parTrans" cxnId="{8545CE85-BAB6-4F87-A51A-662D8EFED52F}">
      <dgm:prSet/>
      <dgm:spPr/>
      <dgm:t>
        <a:bodyPr/>
        <a:lstStyle/>
        <a:p>
          <a:endParaRPr lang="da-DK"/>
        </a:p>
      </dgm:t>
    </dgm:pt>
    <dgm:pt modelId="{4DE84DCD-7462-46FA-B0E5-1C432919111D}" type="sibTrans" cxnId="{8545CE85-BAB6-4F87-A51A-662D8EFED52F}">
      <dgm:prSet/>
      <dgm:spPr/>
      <dgm:t>
        <a:bodyPr/>
        <a:lstStyle/>
        <a:p>
          <a:endParaRPr lang="da-DK"/>
        </a:p>
      </dgm:t>
    </dgm:pt>
    <dgm:pt modelId="{630286FB-DA84-44E6-A42F-E8A31F889E56}">
      <dgm:prSet phldrT="[Text]" custT="1"/>
      <dgm:spPr/>
      <dgm:t>
        <a:bodyPr/>
        <a:lstStyle/>
        <a:p>
          <a:r>
            <a:rPr kumimoji="0" lang="da-DK" sz="1100" b="0" i="0" u="none" strike="noStrike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Med </a:t>
          </a:r>
          <a:r>
            <a:rPr kumimoji="0" lang="da-DK" sz="1100" b="0" i="0" u="none" strike="noStrike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Eduhub</a:t>
          </a:r>
          <a:r>
            <a:rPr kumimoji="0" lang="da-DK" sz="1100" b="0" i="0" u="none" strike="noStrike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 (Nyt SIS) får vi et fælles standard system der bygges ud fra princippet om 100 % fælles processer. </a:t>
          </a:r>
          <a:r>
            <a:rPr lang="da-DK" sz="1100">
              <a:solidFill>
                <a:prstClr val="black"/>
              </a:solidFill>
            </a:rPr>
            <a:t>D</a:t>
          </a:r>
          <a:r>
            <a:rPr kumimoji="0" lang="da-DK" sz="1100" b="0" i="0" u="none" strike="noStrike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et stiller krav </a:t>
          </a:r>
          <a:r>
            <a:rPr kumimoji="0" lang="da-DK" sz="1100" i="0" u="none" strike="noStrike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til vores grad af SDU fælles processer og </a:t>
          </a:r>
          <a:r>
            <a:rPr lang="da-DK" sz="1100"/>
            <a:t>entydig allokering ift. roller og rettigheder. </a:t>
          </a:r>
        </a:p>
        <a:p>
          <a:r>
            <a:rPr kumimoji="0" lang="da-DK" sz="1100" b="0" i="1" u="none" strike="noStrike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(Nyt SIS programgrundlag, 202</a:t>
          </a:r>
          <a:r>
            <a:rPr lang="da-DK" sz="1100" i="1">
              <a:solidFill>
                <a:prstClr val="black"/>
              </a:solidFill>
            </a:rPr>
            <a:t>4</a:t>
          </a:r>
          <a:r>
            <a:rPr kumimoji="0" lang="da-DK" sz="1100" b="0" i="1" u="none" strike="noStrike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) </a:t>
          </a:r>
          <a:endParaRPr lang="da-DK" sz="1100"/>
        </a:p>
      </dgm:t>
    </dgm:pt>
    <dgm:pt modelId="{9D740BA0-7FD3-4E0C-BB71-3A308C82E1B7}" type="parTrans" cxnId="{1D616AA3-D01F-44E0-BD32-E32F8700F236}">
      <dgm:prSet/>
      <dgm:spPr/>
      <dgm:t>
        <a:bodyPr/>
        <a:lstStyle/>
        <a:p>
          <a:endParaRPr lang="da-DK"/>
        </a:p>
      </dgm:t>
    </dgm:pt>
    <dgm:pt modelId="{DB05466B-85D2-4A55-8935-AC8D8D8A06F4}" type="sibTrans" cxnId="{1D616AA3-D01F-44E0-BD32-E32F8700F236}">
      <dgm:prSet/>
      <dgm:spPr/>
      <dgm:t>
        <a:bodyPr/>
        <a:lstStyle/>
        <a:p>
          <a:endParaRPr lang="da-DK"/>
        </a:p>
      </dgm:t>
    </dgm:pt>
    <dgm:pt modelId="{34E87339-ACDA-4F89-AFCE-A8E4B5C54F2F}">
      <dgm:prSet phldrT="[Text]" custT="1"/>
      <dgm:spPr/>
      <dgm:t>
        <a:bodyPr/>
        <a:lstStyle/>
        <a:p>
          <a:pPr algn="ctr">
            <a:buNone/>
          </a:pPr>
          <a:r>
            <a:rPr kumimoji="0" lang="da-DK" sz="1100" i="0" u="none" strike="noStrike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Fremtidens studerende har behov for sikkerhed og tryghed under hele studierejsen; samt personaliseret, situationsbestemt og vedkommende kommunikation. </a:t>
          </a:r>
          <a:r>
            <a:rPr lang="da-DK" sz="1100" b="0" i="0" u="none"/>
            <a:t>Forudsætningen er et mindset om at alle bidrager til de studerendes oplevelse af sammenhæng og dermed det gode studieliv. Det stiller krav til øget gennemsigtighed om roller, funktioner og ansvar.</a:t>
          </a:r>
        </a:p>
        <a:p>
          <a:pPr algn="ctr">
            <a:buNone/>
          </a:pPr>
          <a:r>
            <a:rPr kumimoji="0" lang="da-DK" sz="1000" b="0" i="1" u="none" strike="noStrike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(</a:t>
          </a:r>
          <a:r>
            <a:rPr lang="da-DK" sz="1000" i="1">
              <a:solidFill>
                <a:prstClr val="black"/>
              </a:solidFill>
            </a:rPr>
            <a:t>F</a:t>
          </a:r>
          <a:r>
            <a:rPr kumimoji="0" lang="da-DK" sz="1000" b="0" i="1" u="none" strike="noStrike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oranalyse</a:t>
          </a:r>
          <a:r>
            <a:rPr kumimoji="0" lang="da-DK" sz="1000" b="0" i="1" u="none" strike="noStrike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 af sammenhængende studenterkommunikation, 2025)</a:t>
          </a:r>
          <a:endParaRPr lang="da-DK" sz="1000"/>
        </a:p>
      </dgm:t>
    </dgm:pt>
    <dgm:pt modelId="{6C40F29F-55C5-4657-9AB0-C6E0A105D07E}" type="parTrans" cxnId="{AA499CD3-ADC9-4655-BC31-114599A1E4AB}">
      <dgm:prSet/>
      <dgm:spPr/>
      <dgm:t>
        <a:bodyPr/>
        <a:lstStyle/>
        <a:p>
          <a:endParaRPr lang="da-DK"/>
        </a:p>
      </dgm:t>
    </dgm:pt>
    <dgm:pt modelId="{FFA93CD3-7212-4FA3-AA49-2B0E405E1A46}" type="sibTrans" cxnId="{AA499CD3-ADC9-4655-BC31-114599A1E4AB}">
      <dgm:prSet/>
      <dgm:spPr/>
      <dgm:t>
        <a:bodyPr/>
        <a:lstStyle/>
        <a:p>
          <a:endParaRPr lang="da-DK"/>
        </a:p>
      </dgm:t>
    </dgm:pt>
    <dgm:pt modelId="{1535FEF6-D49D-42B0-BAAB-DD52FFE9C7BD}">
      <dgm:prSet phldrT="[Text]"/>
      <dgm:spPr/>
      <dgm:t>
        <a:bodyPr/>
        <a:lstStyle/>
        <a:p>
          <a:endParaRPr lang="da-DK"/>
        </a:p>
      </dgm:t>
    </dgm:pt>
    <dgm:pt modelId="{61C59176-6044-4B0E-A80B-6DB7EE1A1C56}" type="parTrans" cxnId="{1BA18AC1-8F7C-4EA7-B58A-ACF988773382}">
      <dgm:prSet/>
      <dgm:spPr/>
      <dgm:t>
        <a:bodyPr/>
        <a:lstStyle/>
        <a:p>
          <a:endParaRPr lang="da-DK"/>
        </a:p>
      </dgm:t>
    </dgm:pt>
    <dgm:pt modelId="{E1655F1A-725B-4A23-9CD3-B698F9A45762}" type="sibTrans" cxnId="{1BA18AC1-8F7C-4EA7-B58A-ACF988773382}">
      <dgm:prSet/>
      <dgm:spPr/>
      <dgm:t>
        <a:bodyPr/>
        <a:lstStyle/>
        <a:p>
          <a:endParaRPr lang="da-DK"/>
        </a:p>
      </dgm:t>
    </dgm:pt>
    <dgm:pt modelId="{AB6D6E74-47FC-4FFA-8577-C9B3F65A2D52}" type="pres">
      <dgm:prSet presAssocID="{8102B695-B02E-486C-8E07-F57D436094CB}" presName="cycle" presStyleCnt="0">
        <dgm:presLayoutVars>
          <dgm:chMax val="1"/>
          <dgm:dir/>
          <dgm:animLvl val="ctr"/>
          <dgm:resizeHandles val="exact"/>
        </dgm:presLayoutVars>
      </dgm:prSet>
      <dgm:spPr/>
    </dgm:pt>
    <dgm:pt modelId="{D0AE9BD7-05EA-4839-A6F9-36BC30B4CE97}" type="pres">
      <dgm:prSet presAssocID="{BF9389A1-091F-4CE3-8797-FC5D77EA279A}" presName="centerShape" presStyleLbl="node0" presStyleIdx="0" presStyleCnt="1" custLinFactNeighborX="-2584" custLinFactNeighborY="246"/>
      <dgm:spPr/>
    </dgm:pt>
    <dgm:pt modelId="{EFBB5789-18F4-4790-AB69-E0265B0D7762}" type="pres">
      <dgm:prSet presAssocID="{40B7A860-8351-47B0-8978-231E41C6E12A}" presName="parTrans" presStyleLbl="bgSibTrans2D1" presStyleIdx="0" presStyleCnt="3" custAng="21433267" custScaleX="91612" custScaleY="104511" custLinFactNeighborX="3919" custLinFactNeighborY="-967"/>
      <dgm:spPr/>
    </dgm:pt>
    <dgm:pt modelId="{86A63A11-5269-42A4-963E-59622C8F25A0}" type="pres">
      <dgm:prSet presAssocID="{794801A2-0502-4994-96F7-5980D268DDBE}" presName="node" presStyleLbl="node1" presStyleIdx="0" presStyleCnt="3" custScaleX="137183" custScaleY="122450" custRadScaleRad="147865" custRadScaleInc="-53569">
        <dgm:presLayoutVars>
          <dgm:bulletEnabled val="1"/>
        </dgm:presLayoutVars>
      </dgm:prSet>
      <dgm:spPr/>
    </dgm:pt>
    <dgm:pt modelId="{AE666BA3-A9A8-42A2-BF27-1612CF34A3DB}" type="pres">
      <dgm:prSet presAssocID="{9D740BA0-7FD3-4E0C-BB71-3A308C82E1B7}" presName="parTrans" presStyleLbl="bgSibTrans2D1" presStyleIdx="1" presStyleCnt="3" custAng="268396" custLinFactNeighborX="-1320" custLinFactNeighborY="16162"/>
      <dgm:spPr/>
    </dgm:pt>
    <dgm:pt modelId="{C869054D-AF90-4B27-AF8C-A0C105720E1E}" type="pres">
      <dgm:prSet presAssocID="{630286FB-DA84-44E6-A42F-E8A31F889E56}" presName="node" presStyleLbl="node1" presStyleIdx="1" presStyleCnt="3" custScaleX="139189" custScaleY="122153" custRadScaleRad="151031" custRadScaleInc="142171">
        <dgm:presLayoutVars>
          <dgm:bulletEnabled val="1"/>
        </dgm:presLayoutVars>
      </dgm:prSet>
      <dgm:spPr/>
    </dgm:pt>
    <dgm:pt modelId="{1E801B6A-FF7A-4E3D-8F6B-01CA3862A573}" type="pres">
      <dgm:prSet presAssocID="{6C40F29F-55C5-4657-9AB0-C6E0A105D07E}" presName="parTrans" presStyleLbl="bgSibTrans2D1" presStyleIdx="2" presStyleCnt="3" custLinFactNeighborX="-2675" custLinFactNeighborY="10073"/>
      <dgm:spPr/>
    </dgm:pt>
    <dgm:pt modelId="{4D9D7F61-43E1-469E-9B5D-323775738E75}" type="pres">
      <dgm:prSet presAssocID="{34E87339-ACDA-4F89-AFCE-A8E4B5C54F2F}" presName="node" presStyleLbl="node1" presStyleIdx="2" presStyleCnt="3" custScaleX="184220" custScaleY="129664" custRadScaleRad="102637" custRadScaleInc="-95686">
        <dgm:presLayoutVars>
          <dgm:bulletEnabled val="1"/>
        </dgm:presLayoutVars>
      </dgm:prSet>
      <dgm:spPr/>
    </dgm:pt>
  </dgm:ptLst>
  <dgm:cxnLst>
    <dgm:cxn modelId="{F63A7B5E-DABB-4666-96B1-CA7F0F932E85}" type="presOf" srcId="{BF9389A1-091F-4CE3-8797-FC5D77EA279A}" destId="{D0AE9BD7-05EA-4839-A6F9-36BC30B4CE97}" srcOrd="0" destOrd="0" presId="urn:microsoft.com/office/officeart/2005/8/layout/radial4"/>
    <dgm:cxn modelId="{DBAA924F-3985-4248-97C2-2D7F9EE3D431}" type="presOf" srcId="{34E87339-ACDA-4F89-AFCE-A8E4B5C54F2F}" destId="{4D9D7F61-43E1-469E-9B5D-323775738E75}" srcOrd="0" destOrd="0" presId="urn:microsoft.com/office/officeart/2005/8/layout/radial4"/>
    <dgm:cxn modelId="{47BE6D5A-3C62-43E2-AC27-0162EEAB3CD1}" type="presOf" srcId="{794801A2-0502-4994-96F7-5980D268DDBE}" destId="{86A63A11-5269-42A4-963E-59622C8F25A0}" srcOrd="0" destOrd="0" presId="urn:microsoft.com/office/officeart/2005/8/layout/radial4"/>
    <dgm:cxn modelId="{8545CE85-BAB6-4F87-A51A-662D8EFED52F}" srcId="{BF9389A1-091F-4CE3-8797-FC5D77EA279A}" destId="{794801A2-0502-4994-96F7-5980D268DDBE}" srcOrd="0" destOrd="0" parTransId="{40B7A860-8351-47B0-8978-231E41C6E12A}" sibTransId="{4DE84DCD-7462-46FA-B0E5-1C432919111D}"/>
    <dgm:cxn modelId="{2D2B2092-B723-4F7F-A868-AD0BF8A69764}" type="presOf" srcId="{630286FB-DA84-44E6-A42F-E8A31F889E56}" destId="{C869054D-AF90-4B27-AF8C-A0C105720E1E}" srcOrd="0" destOrd="0" presId="urn:microsoft.com/office/officeart/2005/8/layout/radial4"/>
    <dgm:cxn modelId="{1D616AA3-D01F-44E0-BD32-E32F8700F236}" srcId="{BF9389A1-091F-4CE3-8797-FC5D77EA279A}" destId="{630286FB-DA84-44E6-A42F-E8A31F889E56}" srcOrd="1" destOrd="0" parTransId="{9D740BA0-7FD3-4E0C-BB71-3A308C82E1B7}" sibTransId="{DB05466B-85D2-4A55-8935-AC8D8D8A06F4}"/>
    <dgm:cxn modelId="{78FB20BA-3BD8-453D-AC50-AF6EC9AEE9FF}" type="presOf" srcId="{9D740BA0-7FD3-4E0C-BB71-3A308C82E1B7}" destId="{AE666BA3-A9A8-42A2-BF27-1612CF34A3DB}" srcOrd="0" destOrd="0" presId="urn:microsoft.com/office/officeart/2005/8/layout/radial4"/>
    <dgm:cxn modelId="{1BA18AC1-8F7C-4EA7-B58A-ACF988773382}" srcId="{8102B695-B02E-486C-8E07-F57D436094CB}" destId="{1535FEF6-D49D-42B0-BAAB-DD52FFE9C7BD}" srcOrd="1" destOrd="0" parTransId="{61C59176-6044-4B0E-A80B-6DB7EE1A1C56}" sibTransId="{E1655F1A-725B-4A23-9CD3-B698F9A45762}"/>
    <dgm:cxn modelId="{AF714BC3-FBAD-4E0B-B6A3-14CE4DE9B9F4}" type="presOf" srcId="{6C40F29F-55C5-4657-9AB0-C6E0A105D07E}" destId="{1E801B6A-FF7A-4E3D-8F6B-01CA3862A573}" srcOrd="0" destOrd="0" presId="urn:microsoft.com/office/officeart/2005/8/layout/radial4"/>
    <dgm:cxn modelId="{AA499CD3-ADC9-4655-BC31-114599A1E4AB}" srcId="{BF9389A1-091F-4CE3-8797-FC5D77EA279A}" destId="{34E87339-ACDA-4F89-AFCE-A8E4B5C54F2F}" srcOrd="2" destOrd="0" parTransId="{6C40F29F-55C5-4657-9AB0-C6E0A105D07E}" sibTransId="{FFA93CD3-7212-4FA3-AA49-2B0E405E1A46}"/>
    <dgm:cxn modelId="{6058C0DA-1B46-4FFA-8AF3-3D9E492A9712}" type="presOf" srcId="{8102B695-B02E-486C-8E07-F57D436094CB}" destId="{AB6D6E74-47FC-4FFA-8577-C9B3F65A2D52}" srcOrd="0" destOrd="0" presId="urn:microsoft.com/office/officeart/2005/8/layout/radial4"/>
    <dgm:cxn modelId="{7ADF68ED-B9C5-4A08-B905-6529298C6196}" srcId="{8102B695-B02E-486C-8E07-F57D436094CB}" destId="{BF9389A1-091F-4CE3-8797-FC5D77EA279A}" srcOrd="0" destOrd="0" parTransId="{A7C11CC1-E7C0-44FD-97B7-516BC70FF8E3}" sibTransId="{D68BAE28-A4D7-49DA-A912-5DCC96C2D1AA}"/>
    <dgm:cxn modelId="{501DF3F0-C393-4666-98F9-96BDE9EC94DB}" type="presOf" srcId="{40B7A860-8351-47B0-8978-231E41C6E12A}" destId="{EFBB5789-18F4-4790-AB69-E0265B0D7762}" srcOrd="0" destOrd="0" presId="urn:microsoft.com/office/officeart/2005/8/layout/radial4"/>
    <dgm:cxn modelId="{D44B83B3-C3E6-4307-BC58-8AAF563EA91A}" type="presParOf" srcId="{AB6D6E74-47FC-4FFA-8577-C9B3F65A2D52}" destId="{D0AE9BD7-05EA-4839-A6F9-36BC30B4CE97}" srcOrd="0" destOrd="0" presId="urn:microsoft.com/office/officeart/2005/8/layout/radial4"/>
    <dgm:cxn modelId="{E94625CC-53EE-4C14-8207-D8B3FB97ED55}" type="presParOf" srcId="{AB6D6E74-47FC-4FFA-8577-C9B3F65A2D52}" destId="{EFBB5789-18F4-4790-AB69-E0265B0D7762}" srcOrd="1" destOrd="0" presId="urn:microsoft.com/office/officeart/2005/8/layout/radial4"/>
    <dgm:cxn modelId="{3B52BD1C-6E62-4788-8247-725D0DF360AE}" type="presParOf" srcId="{AB6D6E74-47FC-4FFA-8577-C9B3F65A2D52}" destId="{86A63A11-5269-42A4-963E-59622C8F25A0}" srcOrd="2" destOrd="0" presId="urn:microsoft.com/office/officeart/2005/8/layout/radial4"/>
    <dgm:cxn modelId="{FD470A84-BFAB-47B8-9A3C-958857A8D8E3}" type="presParOf" srcId="{AB6D6E74-47FC-4FFA-8577-C9B3F65A2D52}" destId="{AE666BA3-A9A8-42A2-BF27-1612CF34A3DB}" srcOrd="3" destOrd="0" presId="urn:microsoft.com/office/officeart/2005/8/layout/radial4"/>
    <dgm:cxn modelId="{E42BB9C2-DA75-4A8D-8BD0-6131E3954F69}" type="presParOf" srcId="{AB6D6E74-47FC-4FFA-8577-C9B3F65A2D52}" destId="{C869054D-AF90-4B27-AF8C-A0C105720E1E}" srcOrd="4" destOrd="0" presId="urn:microsoft.com/office/officeart/2005/8/layout/radial4"/>
    <dgm:cxn modelId="{9C141E69-C54F-48F3-A20F-FE9AD7EEB64B}" type="presParOf" srcId="{AB6D6E74-47FC-4FFA-8577-C9B3F65A2D52}" destId="{1E801B6A-FF7A-4E3D-8F6B-01CA3862A573}" srcOrd="5" destOrd="0" presId="urn:microsoft.com/office/officeart/2005/8/layout/radial4"/>
    <dgm:cxn modelId="{15F36234-BBBC-4589-A85B-C3689A9C7AD2}" type="presParOf" srcId="{AB6D6E74-47FC-4FFA-8577-C9B3F65A2D52}" destId="{4D9D7F61-43E1-469E-9B5D-323775738E75}" srcOrd="6" destOrd="0" presId="urn:microsoft.com/office/officeart/2005/8/layout/radial4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BF5C6409-67F2-4E3E-8456-ADAB2073E0A2}" type="doc">
      <dgm:prSet loTypeId="urn:microsoft.com/office/officeart/2005/8/layout/hierarchy4" loCatId="hierarchy" qsTypeId="urn:microsoft.com/office/officeart/2005/8/quickstyle/simple2" qsCatId="simple" csTypeId="urn:microsoft.com/office/officeart/2005/8/colors/accent6_1" csCatId="accent6" phldr="1"/>
      <dgm:spPr/>
      <dgm:t>
        <a:bodyPr/>
        <a:lstStyle/>
        <a:p>
          <a:endParaRPr lang="da-DK"/>
        </a:p>
      </dgm:t>
    </dgm:pt>
    <dgm:pt modelId="{862D5002-36CF-4818-95F2-01C3EBBCFDF4}">
      <dgm:prSet phldrT="[Text]" custT="1"/>
      <dgm:spPr/>
      <dgm:t>
        <a:bodyPr/>
        <a:lstStyle/>
        <a:p>
          <a:r>
            <a:rPr lang="da-DK" sz="4400"/>
            <a:t>Direktion</a:t>
          </a:r>
          <a:br>
            <a:rPr lang="da-DK" sz="4400"/>
          </a:br>
          <a:r>
            <a:rPr lang="da-DK" sz="1400"/>
            <a:t>(Gevinstejer)</a:t>
          </a:r>
        </a:p>
      </dgm:t>
    </dgm:pt>
    <dgm:pt modelId="{DDE19A76-35D7-4537-BB33-3517054D4809}" type="parTrans" cxnId="{43759F61-6F15-4ADF-A7F8-6D11739EBA6F}">
      <dgm:prSet/>
      <dgm:spPr/>
      <dgm:t>
        <a:bodyPr/>
        <a:lstStyle/>
        <a:p>
          <a:endParaRPr lang="da-DK"/>
        </a:p>
      </dgm:t>
    </dgm:pt>
    <dgm:pt modelId="{B25FE543-8043-4746-91A0-9290D56BDDFD}" type="sibTrans" cxnId="{43759F61-6F15-4ADF-A7F8-6D11739EBA6F}">
      <dgm:prSet/>
      <dgm:spPr/>
      <dgm:t>
        <a:bodyPr/>
        <a:lstStyle/>
        <a:p>
          <a:endParaRPr lang="da-DK"/>
        </a:p>
      </dgm:t>
    </dgm:pt>
    <dgm:pt modelId="{F7D4B6DC-3774-4DE1-BB1B-664DBC23462F}">
      <dgm:prSet phldrT="[Text]" custT="1"/>
      <dgm:spPr/>
      <dgm:t>
        <a:bodyPr/>
        <a:lstStyle/>
        <a:p>
          <a:pPr>
            <a:buNone/>
          </a:pPr>
          <a:r>
            <a:rPr lang="da-DK" sz="1800"/>
            <a:t>Operationel Styregruppe</a:t>
          </a:r>
        </a:p>
        <a:p>
          <a:pPr>
            <a:buNone/>
          </a:pPr>
          <a:r>
            <a:rPr lang="da-DK" sz="1000"/>
            <a:t>(Vicedirektør for uddannelse (formand og projektejer), sekretariatschefer og områdechef hvor relevant)</a:t>
          </a:r>
        </a:p>
        <a:p>
          <a:pPr>
            <a:buFont typeface="Arial" panose="020B0604020202020204" pitchFamily="34" charset="0"/>
            <a:buChar char="•"/>
          </a:pPr>
          <a:endParaRPr lang="da-DK" sz="1000"/>
        </a:p>
        <a:p>
          <a:pPr>
            <a:buNone/>
          </a:pPr>
          <a:endParaRPr lang="da-DK" sz="1000"/>
        </a:p>
      </dgm:t>
    </dgm:pt>
    <dgm:pt modelId="{30653AD3-CA1D-46D7-AEFF-4B90587F0DCA}" type="parTrans" cxnId="{D20CD9FF-E3AA-4CCC-B689-D9DE9DBE6F2D}">
      <dgm:prSet/>
      <dgm:spPr/>
      <dgm:t>
        <a:bodyPr/>
        <a:lstStyle/>
        <a:p>
          <a:endParaRPr lang="da-DK"/>
        </a:p>
      </dgm:t>
    </dgm:pt>
    <dgm:pt modelId="{B672DDA4-68B0-47B8-9C12-32FD58D16168}" type="sibTrans" cxnId="{D20CD9FF-E3AA-4CCC-B689-D9DE9DBE6F2D}">
      <dgm:prSet/>
      <dgm:spPr/>
      <dgm:t>
        <a:bodyPr/>
        <a:lstStyle/>
        <a:p>
          <a:endParaRPr lang="da-DK"/>
        </a:p>
      </dgm:t>
    </dgm:pt>
    <dgm:pt modelId="{0FB1C9BF-A71D-41D1-A90F-4198487C749D}">
      <dgm:prSet phldrT="[Text]" custT="1"/>
      <dgm:spPr/>
      <dgm:t>
        <a:bodyPr/>
        <a:lstStyle/>
        <a:p>
          <a:r>
            <a:rPr lang="da-DK" sz="1200"/>
            <a:t>Sprintgruppe spor a</a:t>
          </a:r>
        </a:p>
      </dgm:t>
    </dgm:pt>
    <dgm:pt modelId="{DAFFCA46-8870-464D-BEB4-5A342A8AF712}" type="parTrans" cxnId="{9B236BA1-90DF-4303-A2CA-28C3CB8442C6}">
      <dgm:prSet/>
      <dgm:spPr/>
      <dgm:t>
        <a:bodyPr/>
        <a:lstStyle/>
        <a:p>
          <a:endParaRPr lang="da-DK"/>
        </a:p>
      </dgm:t>
    </dgm:pt>
    <dgm:pt modelId="{9B5E5AD3-A2E5-4160-B01A-A23F265AC36C}" type="sibTrans" cxnId="{9B236BA1-90DF-4303-A2CA-28C3CB8442C6}">
      <dgm:prSet/>
      <dgm:spPr/>
      <dgm:t>
        <a:bodyPr/>
        <a:lstStyle/>
        <a:p>
          <a:endParaRPr lang="da-DK"/>
        </a:p>
      </dgm:t>
    </dgm:pt>
    <dgm:pt modelId="{0BED4899-BCA4-42D6-AC1C-9F52BBAF0E1A}">
      <dgm:prSet phldrT="[Text]" custT="1"/>
      <dgm:spPr/>
      <dgm:t>
        <a:bodyPr/>
        <a:lstStyle/>
        <a:p>
          <a:endParaRPr lang="da-DK" sz="1200"/>
        </a:p>
        <a:p>
          <a:r>
            <a:rPr lang="da-DK" sz="1200"/>
            <a:t>Sprintgruppe </a:t>
          </a:r>
        </a:p>
        <a:p>
          <a:r>
            <a:rPr lang="da-DK" sz="1200"/>
            <a:t>spor c</a:t>
          </a:r>
          <a:endParaRPr lang="da-DK" sz="1300"/>
        </a:p>
        <a:p>
          <a:endParaRPr lang="da-DK" sz="1200"/>
        </a:p>
      </dgm:t>
    </dgm:pt>
    <dgm:pt modelId="{A6561772-2DC1-4F8F-9C03-81D0C3DE8BFE}" type="parTrans" cxnId="{14FEEEF9-1693-4E9F-8032-EEA7A5F2215A}">
      <dgm:prSet/>
      <dgm:spPr/>
      <dgm:t>
        <a:bodyPr/>
        <a:lstStyle/>
        <a:p>
          <a:endParaRPr lang="da-DK"/>
        </a:p>
      </dgm:t>
    </dgm:pt>
    <dgm:pt modelId="{09F4AFFA-DAD9-42E2-A575-A800CE087342}" type="sibTrans" cxnId="{14FEEEF9-1693-4E9F-8032-EEA7A5F2215A}">
      <dgm:prSet/>
      <dgm:spPr/>
      <dgm:t>
        <a:bodyPr/>
        <a:lstStyle/>
        <a:p>
          <a:endParaRPr lang="da-DK"/>
        </a:p>
      </dgm:t>
    </dgm:pt>
    <dgm:pt modelId="{E6BC53DB-A19D-42E3-AE10-E14316CA7518}">
      <dgm:prSet custT="1"/>
      <dgm:spPr/>
      <dgm:t>
        <a:bodyPr/>
        <a:lstStyle/>
        <a:p>
          <a:r>
            <a:rPr lang="da-DK" sz="1200"/>
            <a:t>Sprintgruppe spor b</a:t>
          </a:r>
        </a:p>
      </dgm:t>
    </dgm:pt>
    <dgm:pt modelId="{FB389602-4D6B-48AA-8DF3-8DB251205A14}" type="parTrans" cxnId="{66523530-3064-4250-9BBD-72322894FBCC}">
      <dgm:prSet/>
      <dgm:spPr/>
      <dgm:t>
        <a:bodyPr/>
        <a:lstStyle/>
        <a:p>
          <a:endParaRPr lang="da-DK"/>
        </a:p>
      </dgm:t>
    </dgm:pt>
    <dgm:pt modelId="{2EC0EC85-2FBD-42B1-8AD0-73E2513FAB64}" type="sibTrans" cxnId="{66523530-3064-4250-9BBD-72322894FBCC}">
      <dgm:prSet/>
      <dgm:spPr/>
      <dgm:t>
        <a:bodyPr/>
        <a:lstStyle/>
        <a:p>
          <a:endParaRPr lang="da-DK"/>
        </a:p>
      </dgm:t>
    </dgm:pt>
    <dgm:pt modelId="{6548681E-49DE-496E-BAB2-8308E46A735F}" type="pres">
      <dgm:prSet presAssocID="{BF5C6409-67F2-4E3E-8456-ADAB2073E0A2}" presName="Name0" presStyleCnt="0">
        <dgm:presLayoutVars>
          <dgm:chPref val="1"/>
          <dgm:dir/>
          <dgm:animOne val="branch"/>
          <dgm:animLvl val="lvl"/>
          <dgm:resizeHandles/>
        </dgm:presLayoutVars>
      </dgm:prSet>
      <dgm:spPr/>
    </dgm:pt>
    <dgm:pt modelId="{6390A4D0-4467-4D99-84A4-0B9829A711E9}" type="pres">
      <dgm:prSet presAssocID="{862D5002-36CF-4818-95F2-01C3EBBCFDF4}" presName="vertOne" presStyleCnt="0"/>
      <dgm:spPr/>
    </dgm:pt>
    <dgm:pt modelId="{AF9FDA16-F622-4D93-8C34-49BE0027780D}" type="pres">
      <dgm:prSet presAssocID="{862D5002-36CF-4818-95F2-01C3EBBCFDF4}" presName="txOne" presStyleLbl="node0" presStyleIdx="0" presStyleCnt="1" custLinFactNeighborX="51" custLinFactNeighborY="7068">
        <dgm:presLayoutVars>
          <dgm:chPref val="3"/>
        </dgm:presLayoutVars>
      </dgm:prSet>
      <dgm:spPr/>
    </dgm:pt>
    <dgm:pt modelId="{2F5B8745-8295-4678-8342-0F47C690F17B}" type="pres">
      <dgm:prSet presAssocID="{862D5002-36CF-4818-95F2-01C3EBBCFDF4}" presName="parTransOne" presStyleCnt="0"/>
      <dgm:spPr/>
    </dgm:pt>
    <dgm:pt modelId="{2AC0D65F-6CEB-4769-B6F3-0A531A012D55}" type="pres">
      <dgm:prSet presAssocID="{862D5002-36CF-4818-95F2-01C3EBBCFDF4}" presName="horzOne" presStyleCnt="0"/>
      <dgm:spPr/>
    </dgm:pt>
    <dgm:pt modelId="{15DF92BD-5543-40B0-B98D-9DFCB0CC6921}" type="pres">
      <dgm:prSet presAssocID="{F7D4B6DC-3774-4DE1-BB1B-664DBC23462F}" presName="vertTwo" presStyleCnt="0"/>
      <dgm:spPr/>
    </dgm:pt>
    <dgm:pt modelId="{FE324609-5588-4FB2-8058-208EFC2AA1EC}" type="pres">
      <dgm:prSet presAssocID="{F7D4B6DC-3774-4DE1-BB1B-664DBC23462F}" presName="txTwo" presStyleLbl="node2" presStyleIdx="0" presStyleCnt="1" custScaleY="132394">
        <dgm:presLayoutVars>
          <dgm:chPref val="3"/>
        </dgm:presLayoutVars>
      </dgm:prSet>
      <dgm:spPr/>
    </dgm:pt>
    <dgm:pt modelId="{1A713100-2FBA-4C9C-8B35-B92739B8C9E7}" type="pres">
      <dgm:prSet presAssocID="{F7D4B6DC-3774-4DE1-BB1B-664DBC23462F}" presName="parTransTwo" presStyleCnt="0"/>
      <dgm:spPr/>
    </dgm:pt>
    <dgm:pt modelId="{11572505-5661-4024-BF2A-2AC5A280D232}" type="pres">
      <dgm:prSet presAssocID="{F7D4B6DC-3774-4DE1-BB1B-664DBC23462F}" presName="horzTwo" presStyleCnt="0"/>
      <dgm:spPr/>
    </dgm:pt>
    <dgm:pt modelId="{88407332-D5EF-45B0-A40B-DA8B1959CC27}" type="pres">
      <dgm:prSet presAssocID="{0FB1C9BF-A71D-41D1-A90F-4198487C749D}" presName="vertThree" presStyleCnt="0"/>
      <dgm:spPr/>
    </dgm:pt>
    <dgm:pt modelId="{23F73C98-E645-4CF4-903C-1CE3B8F9A21A}" type="pres">
      <dgm:prSet presAssocID="{0FB1C9BF-A71D-41D1-A90F-4198487C749D}" presName="txThree" presStyleLbl="node3" presStyleIdx="0" presStyleCnt="3" custLinFactNeighborX="-183" custLinFactNeighborY="-1929">
        <dgm:presLayoutVars>
          <dgm:chPref val="3"/>
        </dgm:presLayoutVars>
      </dgm:prSet>
      <dgm:spPr/>
    </dgm:pt>
    <dgm:pt modelId="{DCF384B2-CAD6-4BE2-A11A-D381D7619371}" type="pres">
      <dgm:prSet presAssocID="{0FB1C9BF-A71D-41D1-A90F-4198487C749D}" presName="horzThree" presStyleCnt="0"/>
      <dgm:spPr/>
    </dgm:pt>
    <dgm:pt modelId="{DAD55F75-495D-42B4-B96C-1188C8F966EC}" type="pres">
      <dgm:prSet presAssocID="{9B5E5AD3-A2E5-4160-B01A-A23F265AC36C}" presName="sibSpaceThree" presStyleCnt="0"/>
      <dgm:spPr/>
    </dgm:pt>
    <dgm:pt modelId="{23051F20-3A0E-40C6-9AF8-DBC4DB239AE2}" type="pres">
      <dgm:prSet presAssocID="{E6BC53DB-A19D-42E3-AE10-E14316CA7518}" presName="vertThree" presStyleCnt="0"/>
      <dgm:spPr/>
    </dgm:pt>
    <dgm:pt modelId="{27092A32-231F-419D-BFAF-B2212CF4A18B}" type="pres">
      <dgm:prSet presAssocID="{E6BC53DB-A19D-42E3-AE10-E14316CA7518}" presName="txThree" presStyleLbl="node3" presStyleIdx="1" presStyleCnt="3" custLinFactNeighborX="-139" custLinFactNeighborY="-1929">
        <dgm:presLayoutVars>
          <dgm:chPref val="3"/>
        </dgm:presLayoutVars>
      </dgm:prSet>
      <dgm:spPr/>
    </dgm:pt>
    <dgm:pt modelId="{88F40E9A-25E7-4C3B-930A-8339EF867991}" type="pres">
      <dgm:prSet presAssocID="{E6BC53DB-A19D-42E3-AE10-E14316CA7518}" presName="horzThree" presStyleCnt="0"/>
      <dgm:spPr/>
    </dgm:pt>
    <dgm:pt modelId="{9520D10A-96FA-49F2-AF79-2DF8B2DCB35F}" type="pres">
      <dgm:prSet presAssocID="{2EC0EC85-2FBD-42B1-8AD0-73E2513FAB64}" presName="sibSpaceThree" presStyleCnt="0"/>
      <dgm:spPr/>
    </dgm:pt>
    <dgm:pt modelId="{DB9896A8-0253-4B88-9DE8-FB55D0FABE3F}" type="pres">
      <dgm:prSet presAssocID="{0BED4899-BCA4-42D6-AC1C-9F52BBAF0E1A}" presName="vertThree" presStyleCnt="0"/>
      <dgm:spPr/>
    </dgm:pt>
    <dgm:pt modelId="{40B49644-F2D2-4ABF-86C7-8AA5B1A583A0}" type="pres">
      <dgm:prSet presAssocID="{0BED4899-BCA4-42D6-AC1C-9F52BBAF0E1A}" presName="txThree" presStyleLbl="node3" presStyleIdx="2" presStyleCnt="3" custLinFactNeighborX="-41" custLinFactNeighborY="-1929">
        <dgm:presLayoutVars>
          <dgm:chPref val="3"/>
        </dgm:presLayoutVars>
      </dgm:prSet>
      <dgm:spPr/>
    </dgm:pt>
    <dgm:pt modelId="{28571D9B-D41F-4010-8753-819B12D3D6C1}" type="pres">
      <dgm:prSet presAssocID="{0BED4899-BCA4-42D6-AC1C-9F52BBAF0E1A}" presName="horzThree" presStyleCnt="0"/>
      <dgm:spPr/>
    </dgm:pt>
  </dgm:ptLst>
  <dgm:cxnLst>
    <dgm:cxn modelId="{66523530-3064-4250-9BBD-72322894FBCC}" srcId="{F7D4B6DC-3774-4DE1-BB1B-664DBC23462F}" destId="{E6BC53DB-A19D-42E3-AE10-E14316CA7518}" srcOrd="1" destOrd="0" parTransId="{FB389602-4D6B-48AA-8DF3-8DB251205A14}" sibTransId="{2EC0EC85-2FBD-42B1-8AD0-73E2513FAB64}"/>
    <dgm:cxn modelId="{43759F61-6F15-4ADF-A7F8-6D11739EBA6F}" srcId="{BF5C6409-67F2-4E3E-8456-ADAB2073E0A2}" destId="{862D5002-36CF-4818-95F2-01C3EBBCFDF4}" srcOrd="0" destOrd="0" parTransId="{DDE19A76-35D7-4537-BB33-3517054D4809}" sibTransId="{B25FE543-8043-4746-91A0-9290D56BDDFD}"/>
    <dgm:cxn modelId="{661AA99A-AEC6-4C28-86DD-6270C7F88015}" type="presOf" srcId="{BF5C6409-67F2-4E3E-8456-ADAB2073E0A2}" destId="{6548681E-49DE-496E-BAB2-8308E46A735F}" srcOrd="0" destOrd="0" presId="urn:microsoft.com/office/officeart/2005/8/layout/hierarchy4"/>
    <dgm:cxn modelId="{9B236BA1-90DF-4303-A2CA-28C3CB8442C6}" srcId="{F7D4B6DC-3774-4DE1-BB1B-664DBC23462F}" destId="{0FB1C9BF-A71D-41D1-A90F-4198487C749D}" srcOrd="0" destOrd="0" parTransId="{DAFFCA46-8870-464D-BEB4-5A342A8AF712}" sibTransId="{9B5E5AD3-A2E5-4160-B01A-A23F265AC36C}"/>
    <dgm:cxn modelId="{14AEC1B3-65C5-46C9-BA1C-8216B2B92A0C}" type="presOf" srcId="{0BED4899-BCA4-42D6-AC1C-9F52BBAF0E1A}" destId="{40B49644-F2D2-4ABF-86C7-8AA5B1A583A0}" srcOrd="0" destOrd="0" presId="urn:microsoft.com/office/officeart/2005/8/layout/hierarchy4"/>
    <dgm:cxn modelId="{460972B4-1217-43E6-BCC8-5510D0820D1A}" type="presOf" srcId="{862D5002-36CF-4818-95F2-01C3EBBCFDF4}" destId="{AF9FDA16-F622-4D93-8C34-49BE0027780D}" srcOrd="0" destOrd="0" presId="urn:microsoft.com/office/officeart/2005/8/layout/hierarchy4"/>
    <dgm:cxn modelId="{4D4187B4-00D3-43AC-BD0D-8E0A6C905F69}" type="presOf" srcId="{0FB1C9BF-A71D-41D1-A90F-4198487C749D}" destId="{23F73C98-E645-4CF4-903C-1CE3B8F9A21A}" srcOrd="0" destOrd="0" presId="urn:microsoft.com/office/officeart/2005/8/layout/hierarchy4"/>
    <dgm:cxn modelId="{9F8D44F1-A7EE-4E75-9490-B74CCCB02F30}" type="presOf" srcId="{F7D4B6DC-3774-4DE1-BB1B-664DBC23462F}" destId="{FE324609-5588-4FB2-8058-208EFC2AA1EC}" srcOrd="0" destOrd="0" presId="urn:microsoft.com/office/officeart/2005/8/layout/hierarchy4"/>
    <dgm:cxn modelId="{A08163F5-1002-449D-A1D9-317AF41378B5}" type="presOf" srcId="{E6BC53DB-A19D-42E3-AE10-E14316CA7518}" destId="{27092A32-231F-419D-BFAF-B2212CF4A18B}" srcOrd="0" destOrd="0" presId="urn:microsoft.com/office/officeart/2005/8/layout/hierarchy4"/>
    <dgm:cxn modelId="{14FEEEF9-1693-4E9F-8032-EEA7A5F2215A}" srcId="{F7D4B6DC-3774-4DE1-BB1B-664DBC23462F}" destId="{0BED4899-BCA4-42D6-AC1C-9F52BBAF0E1A}" srcOrd="2" destOrd="0" parTransId="{A6561772-2DC1-4F8F-9C03-81D0C3DE8BFE}" sibTransId="{09F4AFFA-DAD9-42E2-A575-A800CE087342}"/>
    <dgm:cxn modelId="{D20CD9FF-E3AA-4CCC-B689-D9DE9DBE6F2D}" srcId="{862D5002-36CF-4818-95F2-01C3EBBCFDF4}" destId="{F7D4B6DC-3774-4DE1-BB1B-664DBC23462F}" srcOrd="0" destOrd="0" parTransId="{30653AD3-CA1D-46D7-AEFF-4B90587F0DCA}" sibTransId="{B672DDA4-68B0-47B8-9C12-32FD58D16168}"/>
    <dgm:cxn modelId="{A135B58B-0666-4FD0-B2A3-74F4AF199E08}" type="presParOf" srcId="{6548681E-49DE-496E-BAB2-8308E46A735F}" destId="{6390A4D0-4467-4D99-84A4-0B9829A711E9}" srcOrd="0" destOrd="0" presId="urn:microsoft.com/office/officeart/2005/8/layout/hierarchy4"/>
    <dgm:cxn modelId="{011E4B66-BBE1-4D1E-BE97-9B156ABD4B47}" type="presParOf" srcId="{6390A4D0-4467-4D99-84A4-0B9829A711E9}" destId="{AF9FDA16-F622-4D93-8C34-49BE0027780D}" srcOrd="0" destOrd="0" presId="urn:microsoft.com/office/officeart/2005/8/layout/hierarchy4"/>
    <dgm:cxn modelId="{6DB789E5-E2A7-4C53-AD1D-A6E42F839F30}" type="presParOf" srcId="{6390A4D0-4467-4D99-84A4-0B9829A711E9}" destId="{2F5B8745-8295-4678-8342-0F47C690F17B}" srcOrd="1" destOrd="0" presId="urn:microsoft.com/office/officeart/2005/8/layout/hierarchy4"/>
    <dgm:cxn modelId="{E00AFE05-0FBE-4928-9C0E-8FEFB29B9A15}" type="presParOf" srcId="{6390A4D0-4467-4D99-84A4-0B9829A711E9}" destId="{2AC0D65F-6CEB-4769-B6F3-0A531A012D55}" srcOrd="2" destOrd="0" presId="urn:microsoft.com/office/officeart/2005/8/layout/hierarchy4"/>
    <dgm:cxn modelId="{4D7B4F3C-26E5-41AB-92A4-2CC2D634267F}" type="presParOf" srcId="{2AC0D65F-6CEB-4769-B6F3-0A531A012D55}" destId="{15DF92BD-5543-40B0-B98D-9DFCB0CC6921}" srcOrd="0" destOrd="0" presId="urn:microsoft.com/office/officeart/2005/8/layout/hierarchy4"/>
    <dgm:cxn modelId="{9B45C75A-BAEF-403A-AD4B-5BE785F0CB6B}" type="presParOf" srcId="{15DF92BD-5543-40B0-B98D-9DFCB0CC6921}" destId="{FE324609-5588-4FB2-8058-208EFC2AA1EC}" srcOrd="0" destOrd="0" presId="urn:microsoft.com/office/officeart/2005/8/layout/hierarchy4"/>
    <dgm:cxn modelId="{12D7F82B-2CA7-4ECD-85C9-5226339D5A88}" type="presParOf" srcId="{15DF92BD-5543-40B0-B98D-9DFCB0CC6921}" destId="{1A713100-2FBA-4C9C-8B35-B92739B8C9E7}" srcOrd="1" destOrd="0" presId="urn:microsoft.com/office/officeart/2005/8/layout/hierarchy4"/>
    <dgm:cxn modelId="{B9AA61D5-0DBC-4FE3-97F1-068EA047ADEB}" type="presParOf" srcId="{15DF92BD-5543-40B0-B98D-9DFCB0CC6921}" destId="{11572505-5661-4024-BF2A-2AC5A280D232}" srcOrd="2" destOrd="0" presId="urn:microsoft.com/office/officeart/2005/8/layout/hierarchy4"/>
    <dgm:cxn modelId="{0AF399D8-C6C7-4280-9666-8603070CE429}" type="presParOf" srcId="{11572505-5661-4024-BF2A-2AC5A280D232}" destId="{88407332-D5EF-45B0-A40B-DA8B1959CC27}" srcOrd="0" destOrd="0" presId="urn:microsoft.com/office/officeart/2005/8/layout/hierarchy4"/>
    <dgm:cxn modelId="{0B32EC2A-5AE7-4CD0-AAD3-88E4B35583C0}" type="presParOf" srcId="{88407332-D5EF-45B0-A40B-DA8B1959CC27}" destId="{23F73C98-E645-4CF4-903C-1CE3B8F9A21A}" srcOrd="0" destOrd="0" presId="urn:microsoft.com/office/officeart/2005/8/layout/hierarchy4"/>
    <dgm:cxn modelId="{C6274B3F-F1E7-4758-B395-15D7E3F7DB5C}" type="presParOf" srcId="{88407332-D5EF-45B0-A40B-DA8B1959CC27}" destId="{DCF384B2-CAD6-4BE2-A11A-D381D7619371}" srcOrd="1" destOrd="0" presId="urn:microsoft.com/office/officeart/2005/8/layout/hierarchy4"/>
    <dgm:cxn modelId="{66C49860-CA07-4BDB-A0FA-BAA80CAAC8F2}" type="presParOf" srcId="{11572505-5661-4024-BF2A-2AC5A280D232}" destId="{DAD55F75-495D-42B4-B96C-1188C8F966EC}" srcOrd="1" destOrd="0" presId="urn:microsoft.com/office/officeart/2005/8/layout/hierarchy4"/>
    <dgm:cxn modelId="{F0EDA08F-BE14-468B-A519-274721FD490D}" type="presParOf" srcId="{11572505-5661-4024-BF2A-2AC5A280D232}" destId="{23051F20-3A0E-40C6-9AF8-DBC4DB239AE2}" srcOrd="2" destOrd="0" presId="urn:microsoft.com/office/officeart/2005/8/layout/hierarchy4"/>
    <dgm:cxn modelId="{CA4B4013-B816-45E6-8C08-62B40E8CADF9}" type="presParOf" srcId="{23051F20-3A0E-40C6-9AF8-DBC4DB239AE2}" destId="{27092A32-231F-419D-BFAF-B2212CF4A18B}" srcOrd="0" destOrd="0" presId="urn:microsoft.com/office/officeart/2005/8/layout/hierarchy4"/>
    <dgm:cxn modelId="{53158FC9-6140-4312-B88D-EC1E8059F6E1}" type="presParOf" srcId="{23051F20-3A0E-40C6-9AF8-DBC4DB239AE2}" destId="{88F40E9A-25E7-4C3B-930A-8339EF867991}" srcOrd="1" destOrd="0" presId="urn:microsoft.com/office/officeart/2005/8/layout/hierarchy4"/>
    <dgm:cxn modelId="{26FD51C3-2E97-4489-B0B5-86789E16D579}" type="presParOf" srcId="{11572505-5661-4024-BF2A-2AC5A280D232}" destId="{9520D10A-96FA-49F2-AF79-2DF8B2DCB35F}" srcOrd="3" destOrd="0" presId="urn:microsoft.com/office/officeart/2005/8/layout/hierarchy4"/>
    <dgm:cxn modelId="{A472EAB3-8F39-4259-A426-B29CC3D6E1A7}" type="presParOf" srcId="{11572505-5661-4024-BF2A-2AC5A280D232}" destId="{DB9896A8-0253-4B88-9DE8-FB55D0FABE3F}" srcOrd="4" destOrd="0" presId="urn:microsoft.com/office/officeart/2005/8/layout/hierarchy4"/>
    <dgm:cxn modelId="{AF640FA4-61AF-47E5-B93F-74379CB574F1}" type="presParOf" srcId="{DB9896A8-0253-4B88-9DE8-FB55D0FABE3F}" destId="{40B49644-F2D2-4ABF-86C7-8AA5B1A583A0}" srcOrd="0" destOrd="0" presId="urn:microsoft.com/office/officeart/2005/8/layout/hierarchy4"/>
    <dgm:cxn modelId="{E69A4AA7-6EB8-4543-B38B-C1E3F52A7C4D}" type="presParOf" srcId="{DB9896A8-0253-4B88-9DE8-FB55D0FABE3F}" destId="{28571D9B-D41F-4010-8753-819B12D3D6C1}" srcOrd="1" destOrd="0" presId="urn:microsoft.com/office/officeart/2005/8/layout/hierarchy4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D0AE9BD7-05EA-4839-A6F9-36BC30B4CE97}">
      <dsp:nvSpPr>
        <dsp:cNvPr id="0" name=""/>
        <dsp:cNvSpPr/>
      </dsp:nvSpPr>
      <dsp:spPr>
        <a:xfrm>
          <a:off x="4282879" y="2174718"/>
          <a:ext cx="1763076" cy="1763076"/>
        </a:xfrm>
        <a:prstGeom prst="ellipse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5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200" kern="1200"/>
        </a:p>
      </dsp:txBody>
      <dsp:txXfrm>
        <a:off x="4541076" y="2432915"/>
        <a:ext cx="1246682" cy="1246682"/>
      </dsp:txXfrm>
    </dsp:sp>
    <dsp:sp modelId="{EFBB5789-18F4-4790-AB69-E0265B0D7762}">
      <dsp:nvSpPr>
        <dsp:cNvPr id="0" name=""/>
        <dsp:cNvSpPr/>
      </dsp:nvSpPr>
      <dsp:spPr>
        <a:xfrm rot="10810992">
          <a:off x="2053763" y="2677379"/>
          <a:ext cx="2092761" cy="525143"/>
        </a:xfrm>
        <a:prstGeom prst="leftArrow">
          <a:avLst>
            <a:gd name="adj1" fmla="val 60000"/>
            <a:gd name="adj2" fmla="val 50000"/>
          </a:avLst>
        </a:prstGeom>
        <a:solidFill>
          <a:schemeClr val="accent5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6A63A11-5269-42A4-963E-59622C8F25A0}">
      <dsp:nvSpPr>
        <dsp:cNvPr id="0" name=""/>
        <dsp:cNvSpPr/>
      </dsp:nvSpPr>
      <dsp:spPr>
        <a:xfrm>
          <a:off x="721104" y="2065410"/>
          <a:ext cx="2297708" cy="1640753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5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0955" tIns="20955" rIns="20955" bIns="20955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da-DK" sz="1100" kern="1200">
              <a:solidFill>
                <a:prstClr val="black"/>
              </a:solidFill>
              <a:cs typeface="Arial"/>
            </a:rPr>
            <a:t>Forandringen af SDU’s nuværende uddannelsesadministration skal styrke og modne vores evner til at arbejde strategisk; arbejde med udvikling; frigøre ressourcer; og skabe værdi og kvalitet for alle vores brugere.</a:t>
          </a:r>
        </a:p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da-DK" sz="1100" b="0" i="1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(</a:t>
          </a:r>
          <a:r>
            <a:rPr kumimoji="0" lang="da-DK" sz="1100" b="0" i="1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Carve</a:t>
          </a:r>
          <a:r>
            <a:rPr kumimoji="0" lang="da-DK" sz="1100" b="0" i="1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 rapport, 2023) </a:t>
          </a:r>
          <a:endParaRPr lang="da-DK" sz="1100" kern="1200"/>
        </a:p>
      </dsp:txBody>
      <dsp:txXfrm>
        <a:off x="769160" y="2113466"/>
        <a:ext cx="2201596" cy="1544641"/>
      </dsp:txXfrm>
    </dsp:sp>
    <dsp:sp modelId="{AE666BA3-A9A8-42A2-BF27-1612CF34A3DB}">
      <dsp:nvSpPr>
        <dsp:cNvPr id="0" name=""/>
        <dsp:cNvSpPr/>
      </dsp:nvSpPr>
      <dsp:spPr>
        <a:xfrm rot="21595868">
          <a:off x="6154715" y="2702420"/>
          <a:ext cx="2578820" cy="502476"/>
        </a:xfrm>
        <a:prstGeom prst="leftArrow">
          <a:avLst>
            <a:gd name="adj1" fmla="val 60000"/>
            <a:gd name="adj2" fmla="val 50000"/>
          </a:avLst>
        </a:prstGeom>
        <a:solidFill>
          <a:schemeClr val="accent5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869054D-AF90-4B27-AF8C-A0C105720E1E}">
      <dsp:nvSpPr>
        <dsp:cNvPr id="0" name=""/>
        <dsp:cNvSpPr/>
      </dsp:nvSpPr>
      <dsp:spPr>
        <a:xfrm>
          <a:off x="7597872" y="1951950"/>
          <a:ext cx="2331307" cy="1636774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5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0955" tIns="20955" rIns="20955" bIns="20955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da-DK" sz="11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Med </a:t>
          </a:r>
          <a:r>
            <a:rPr kumimoji="0" lang="da-DK" sz="11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Eduhub</a:t>
          </a:r>
          <a:r>
            <a:rPr kumimoji="0" lang="da-DK" sz="11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 (Nyt SIS) får vi et fælles standard system der bygges ud fra princippet om 100 % fælles processer. </a:t>
          </a:r>
          <a:r>
            <a:rPr lang="da-DK" sz="1100" kern="1200">
              <a:solidFill>
                <a:prstClr val="black"/>
              </a:solidFill>
            </a:rPr>
            <a:t>D</a:t>
          </a:r>
          <a:r>
            <a:rPr kumimoji="0" lang="da-DK" sz="11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et stiller krav </a:t>
          </a:r>
          <a:r>
            <a:rPr kumimoji="0" lang="da-DK" sz="110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til vores grad af SDU fælles processer og </a:t>
          </a:r>
          <a:r>
            <a:rPr lang="da-DK" sz="1100" kern="1200"/>
            <a:t>entydig allokering ift. roller og rettigheder. </a:t>
          </a:r>
        </a:p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da-DK" sz="1100" b="0" i="1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(Nyt SIS programgrundlag, 202</a:t>
          </a:r>
          <a:r>
            <a:rPr lang="da-DK" sz="1100" i="1" kern="1200">
              <a:solidFill>
                <a:prstClr val="black"/>
              </a:solidFill>
            </a:rPr>
            <a:t>4</a:t>
          </a:r>
          <a:r>
            <a:rPr kumimoji="0" lang="da-DK" sz="1100" b="0" i="1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) </a:t>
          </a:r>
          <a:endParaRPr lang="da-DK" sz="1100" kern="1200"/>
        </a:p>
      </dsp:txBody>
      <dsp:txXfrm>
        <a:off x="7645811" y="1999889"/>
        <a:ext cx="2235429" cy="1540896"/>
      </dsp:txXfrm>
    </dsp:sp>
    <dsp:sp modelId="{1E801B6A-FF7A-4E3D-8F6B-01CA3862A573}">
      <dsp:nvSpPr>
        <dsp:cNvPr id="0" name=""/>
        <dsp:cNvSpPr/>
      </dsp:nvSpPr>
      <dsp:spPr>
        <a:xfrm rot="16230851">
          <a:off x="4528362" y="1285191"/>
          <a:ext cx="1234263" cy="502476"/>
        </a:xfrm>
        <a:prstGeom prst="leftArrow">
          <a:avLst>
            <a:gd name="adj1" fmla="val 60000"/>
            <a:gd name="adj2" fmla="val 50000"/>
          </a:avLst>
        </a:prstGeom>
        <a:solidFill>
          <a:schemeClr val="accent5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D9D7F61-43E1-469E-9B5D-323775738E75}">
      <dsp:nvSpPr>
        <dsp:cNvPr id="0" name=""/>
        <dsp:cNvSpPr/>
      </dsp:nvSpPr>
      <dsp:spPr>
        <a:xfrm>
          <a:off x="3641278" y="0"/>
          <a:ext cx="3085541" cy="1737416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5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0955" tIns="20955" rIns="20955" bIns="20955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da-DK" sz="110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Fremtidens studerende har behov for sikkerhed og tryghed under hele studierejsen; samt personaliseret, situationsbestemt og vedkommende kommunikation. </a:t>
          </a:r>
          <a:r>
            <a:rPr lang="da-DK" sz="1100" b="0" i="0" u="none" kern="1200"/>
            <a:t>Forudsætningen er et mindset om at alle bidrager til de studerendes oplevelse af sammenhæng og dermed det gode studieliv. Det stiller krav til øget gennemsigtighed om roller, funktioner og ansvar.</a:t>
          </a:r>
        </a:p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da-DK" sz="1000" b="0" i="1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(</a:t>
          </a:r>
          <a:r>
            <a:rPr lang="da-DK" sz="1000" i="1" kern="1200">
              <a:solidFill>
                <a:prstClr val="black"/>
              </a:solidFill>
            </a:rPr>
            <a:t>F</a:t>
          </a:r>
          <a:r>
            <a:rPr kumimoji="0" lang="da-DK" sz="1000" b="0" i="1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oranalyse</a:t>
          </a:r>
          <a:r>
            <a:rPr kumimoji="0" lang="da-DK" sz="1000" b="0" i="1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rPr>
            <a:t> af sammenhængende studenterkommunikation, 2025)</a:t>
          </a:r>
          <a:endParaRPr lang="da-DK" sz="1000" kern="1200"/>
        </a:p>
      </dsp:txBody>
      <dsp:txXfrm>
        <a:off x="3692165" y="50887"/>
        <a:ext cx="2983767" cy="1635642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F9FDA16-F622-4D93-8C34-49BE0027780D}">
      <dsp:nvSpPr>
        <dsp:cNvPr id="0" name=""/>
        <dsp:cNvSpPr/>
      </dsp:nvSpPr>
      <dsp:spPr>
        <a:xfrm>
          <a:off x="440" y="6199"/>
          <a:ext cx="4025994" cy="1419404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accent6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67640" tIns="167640" rIns="167640" bIns="167640" numCol="1" spcCol="1270" anchor="ctr" anchorCtr="0">
          <a:noAutofit/>
        </a:bodyPr>
        <a:lstStyle/>
        <a:p>
          <a:pPr marL="0" lvl="0" indent="0" algn="ctr" defTabSz="1955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4400" kern="1200"/>
            <a:t>Direktion</a:t>
          </a:r>
          <a:br>
            <a:rPr lang="da-DK" sz="4400" kern="1200"/>
          </a:br>
          <a:r>
            <a:rPr lang="da-DK" sz="1400" kern="1200"/>
            <a:t>(Gevinstejer)</a:t>
          </a:r>
        </a:p>
      </dsp:txBody>
      <dsp:txXfrm>
        <a:off x="42013" y="47772"/>
        <a:ext cx="3942848" cy="1336258"/>
      </dsp:txXfrm>
    </dsp:sp>
    <dsp:sp modelId="{FE324609-5588-4FB2-8058-208EFC2AA1EC}">
      <dsp:nvSpPr>
        <dsp:cNvPr id="0" name=""/>
        <dsp:cNvSpPr/>
      </dsp:nvSpPr>
      <dsp:spPr>
        <a:xfrm>
          <a:off x="4149" y="1486890"/>
          <a:ext cx="4018135" cy="1879206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accent6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/>
            <a:t>Operationel Styregruppe</a:t>
          </a:r>
        </a:p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000" kern="1200"/>
            <a:t>(Vicedirektør for uddannelse (formand og projektejer), sekretariatschefer og områdechef hvor relevant)</a:t>
          </a:r>
        </a:p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endParaRPr lang="da-DK" sz="1000" kern="1200"/>
        </a:p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000" kern="1200"/>
        </a:p>
      </dsp:txBody>
      <dsp:txXfrm>
        <a:off x="59189" y="1541930"/>
        <a:ext cx="3908055" cy="1769126"/>
      </dsp:txXfrm>
    </dsp:sp>
    <dsp:sp modelId="{23F73C98-E645-4CF4-903C-1CE3B8F9A21A}">
      <dsp:nvSpPr>
        <dsp:cNvPr id="0" name=""/>
        <dsp:cNvSpPr/>
      </dsp:nvSpPr>
      <dsp:spPr>
        <a:xfrm>
          <a:off x="1765" y="3404665"/>
          <a:ext cx="1302897" cy="1419404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accent6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200" kern="1200"/>
            <a:t>Sprintgruppe spor a</a:t>
          </a:r>
        </a:p>
      </dsp:txBody>
      <dsp:txXfrm>
        <a:off x="39926" y="3442826"/>
        <a:ext cx="1226575" cy="1343082"/>
      </dsp:txXfrm>
    </dsp:sp>
    <dsp:sp modelId="{27092A32-231F-419D-BFAF-B2212CF4A18B}">
      <dsp:nvSpPr>
        <dsp:cNvPr id="0" name=""/>
        <dsp:cNvSpPr/>
      </dsp:nvSpPr>
      <dsp:spPr>
        <a:xfrm>
          <a:off x="1359957" y="3404665"/>
          <a:ext cx="1302897" cy="1419404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accent6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200" kern="1200"/>
            <a:t>Sprintgruppe spor b</a:t>
          </a:r>
        </a:p>
      </dsp:txBody>
      <dsp:txXfrm>
        <a:off x="1398118" y="3442826"/>
        <a:ext cx="1226575" cy="1343082"/>
      </dsp:txXfrm>
    </dsp:sp>
    <dsp:sp modelId="{40B49644-F2D2-4ABF-86C7-8AA5B1A583A0}">
      <dsp:nvSpPr>
        <dsp:cNvPr id="0" name=""/>
        <dsp:cNvSpPr/>
      </dsp:nvSpPr>
      <dsp:spPr>
        <a:xfrm>
          <a:off x="2718853" y="3404665"/>
          <a:ext cx="1302897" cy="1419404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accent6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200" kern="1200"/>
        </a:p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200" kern="1200"/>
            <a:t>Sprintgruppe </a:t>
          </a:r>
        </a:p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200" kern="1200"/>
            <a:t>spor c</a:t>
          </a:r>
          <a:endParaRPr lang="da-DK" sz="1300" kern="1200"/>
        </a:p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200" kern="1200"/>
        </a:p>
      </dsp:txBody>
      <dsp:txXfrm>
        <a:off x="2757014" y="3442826"/>
        <a:ext cx="1226575" cy="1343082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radial4">
  <dgm:title val=""/>
  <dgm:desc val=""/>
  <dgm:catLst>
    <dgm:cat type="relationship" pri="19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5" srcId="1" destId="11" srcOrd="0" destOrd="0"/>
        <dgm:cxn modelId="16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12"/>
        <dgm:pt modelId="13"/>
        <dgm:pt modelId="14"/>
        <dgm:pt modelId="15"/>
        <dgm:pt modelId="16"/>
      </dgm:ptLst>
      <dgm:cxnLst>
        <dgm:cxn modelId="2" srcId="0" destId="1" srcOrd="0" destOrd="0"/>
        <dgm:cxn modelId="16" srcId="1" destId="11" srcOrd="0" destOrd="0"/>
        <dgm:cxn modelId="17" srcId="1" destId="12" srcOrd="1" destOrd="0"/>
        <dgm:cxn modelId="18" srcId="1" destId="13" srcOrd="2" destOrd="0"/>
        <dgm:cxn modelId="19" srcId="1" destId="14" srcOrd="3" destOrd="0"/>
        <dgm:cxn modelId="20" srcId="1" destId="15" srcOrd="4" destOrd="0"/>
        <dgm:cxn modelId="21" srcId="1" destId="16" srcOrd="5" destOrd="0"/>
      </dgm:cxnLst>
      <dgm:bg/>
      <dgm:whole/>
    </dgm:dataModel>
  </dgm:clrData>
  <dgm:layoutNode name="cycle">
    <dgm:varLst>
      <dgm:chMax val="1"/>
      <dgm:dir/>
      <dgm:animLvl val="ctr"/>
      <dgm:resizeHandles val="exact"/>
    </dgm:varLst>
    <dgm:choose name="Name0">
      <dgm:if name="Name1" func="var" arg="dir" op="equ" val="norm">
        <dgm:choose name="Name2">
          <dgm:if name="Name3" axis="ch ch" ptType="node node" st="1 1" cnt="1 0" func="cnt" op="lte" val="1">
            <dgm:alg type="cycle">
              <dgm:param type="stAng" val="0"/>
              <dgm:param type="spanAng" val="360"/>
              <dgm:param type="ctrShpMap" val="fNode"/>
            </dgm:alg>
          </dgm:if>
          <dgm:else name="Name4">
            <dgm:choose name="Name5">
              <dgm:if name="Name6" axis="ch ch" ptType="node node" st="1 1" cnt="1 0" func="cnt" op="lte" val="3">
                <dgm:alg type="cycle">
                  <dgm:param type="stAng" val="-55"/>
                  <dgm:param type="spanAng" val="110"/>
                  <dgm:param type="ctrShpMap" val="fNode"/>
                </dgm:alg>
              </dgm:if>
              <dgm:else name="Name7">
                <dgm:choose name="Name8">
                  <dgm:if name="Name9" axis="ch ch" ptType="node node" st="1 1" cnt="1 0" func="cnt" op="equ" val="4">
                    <dgm:alg type="cycle">
                      <dgm:param type="stAng" val="-75"/>
                      <dgm:param type="spanAng" val="150"/>
                      <dgm:param type="ctrShpMap" val="fNode"/>
                    </dgm:alg>
                  </dgm:if>
                  <dgm:else name="Name10">
                    <dgm:alg type="cycle">
                      <dgm:param type="stAng" val="-90"/>
                      <dgm:param type="spanAng" val="180"/>
                      <dgm:param type="ctrShpMap" val="fNode"/>
                    </dgm:alg>
                  </dgm:else>
                </dgm:choose>
              </dgm:else>
            </dgm:choose>
          </dgm:else>
        </dgm:choose>
      </dgm:if>
      <dgm:else name="Name11">
        <dgm:choose name="Name12">
          <dgm:if name="Name13" axis="ch ch" ptType="node node" st="1 1" cnt="1 0" func="cnt" op="lte" val="1">
            <dgm:alg type="cycle">
              <dgm:param type="stAng" val="0"/>
              <dgm:param type="spanAng" val="-360"/>
              <dgm:param type="ctrShpMap" val="fNode"/>
            </dgm:alg>
          </dgm:if>
          <dgm:else name="Name14">
            <dgm:choose name="Name15">
              <dgm:if name="Name16" axis="ch ch" ptType="node node" st="1 1" cnt="1 0" func="cnt" op="lte" val="3">
                <dgm:alg type="cycle">
                  <dgm:param type="stAng" val="55"/>
                  <dgm:param type="spanAng" val="-110"/>
                  <dgm:param type="ctrShpMap" val="fNode"/>
                </dgm:alg>
              </dgm:if>
              <dgm:else name="Name17">
                <dgm:choose name="Name18">
                  <dgm:if name="Name19" axis="ch ch" ptType="node node" st="1 1" cnt="1 0" func="cnt" op="equ" val="4">
                    <dgm:alg type="cycle">
                      <dgm:param type="stAng" val="75"/>
                      <dgm:param type="spanAng" val="-150"/>
                      <dgm:param type="ctrShpMap" val="fNode"/>
                    </dgm:alg>
                  </dgm:if>
                  <dgm:else name="Name20">
                    <dgm:alg type="cycle">
                      <dgm:param type="stAng" val="90"/>
                      <dgm:param type="spanAng" val="-180"/>
                      <dgm:param type="ctrShpMap" val="fNode"/>
                    </dgm:alg>
                  </dgm:else>
                </dgm:choose>
              </dgm:else>
            </dgm:choose>
          </dgm:else>
        </dgm:choose>
      </dgm:else>
    </dgm:choose>
    <dgm:shape xmlns:r="http://schemas.openxmlformats.org/officeDocument/2006/relationships" r:blip="">
      <dgm:adjLst/>
    </dgm:shape>
    <dgm:presOf/>
    <dgm:constrLst>
      <dgm:constr type="w" for="ch" forName="centerShape" refType="w"/>
      <dgm:constr type="w" for="ch" forName="node" refType="w" refFor="ch" refForName="centerShape" fact="0.95"/>
      <dgm:constr type="h" for="ch" forName="parTrans" refType="w" refFor="ch" refForName="centerShape" fact="0.285"/>
      <dgm:constr type="sp" refType="w" refFor="ch" refForName="centerShape" op="equ" fact="0.23"/>
      <dgm:constr type="sibSp" refType="w" refFor="ch" refForName="node" fact="0.1"/>
      <dgm:constr type="primFontSz" for="ch" forName="node" op="equ"/>
    </dgm:constrLst>
    <dgm:choose name="Name21">
      <dgm:if name="Name22" axis="ch ch" ptType="node node" st="1 1" cnt="1 0" func="cnt" op="lte" val="5">
        <dgm:ruleLst>
          <dgm:rule type="w" for="ch" forName="centerShape" val="NaN" fact="0.27" max="NaN"/>
        </dgm:ruleLst>
      </dgm:if>
      <dgm:else name="Name23">
        <dgm:ruleLst>
          <dgm:rule type="w" for="ch" forName="centerShape" val="NaN" fact="0.27" max="NaN"/>
          <dgm:rule type="w" for="ch" forName="node" val="NaN" fact="0.7" max="NaN"/>
        </dgm:ruleLst>
      </dgm:else>
    </dgm:choose>
    <dgm:forEach name="Name24" axis="ch" ptType="node" cnt="1">
      <dgm:layoutNode name="centerShape" styleLbl="node0">
        <dgm:alg type="tx"/>
        <dgm:shape xmlns:r="http://schemas.openxmlformats.org/officeDocument/2006/relationships" type="ellipse" r:blip="">
          <dgm:adjLst/>
        </dgm:shape>
        <dgm:presOf axis="self"/>
        <dgm:constrLst>
          <dgm:constr type="tMarg" refType="primFontSz" fact="0.05"/>
          <dgm:constr type="bMarg" refType="primFontSz" fact="0.05"/>
          <dgm:constr type="lMarg" refType="primFontSz" fact="0.05"/>
          <dgm:constr type="rMarg" refType="primFontSz" fact="0.05"/>
          <dgm:constr type="primFontSz" val="65"/>
          <dgm:constr type="h" refType="w"/>
        </dgm:constrLst>
        <dgm:ruleLst>
          <dgm:rule type="primFontSz" val="5" fact="NaN" max="NaN"/>
        </dgm:ruleLst>
      </dgm:layoutNode>
      <dgm:forEach name="Name25" axis="ch">
        <dgm:forEach name="Name26" axis="self" ptType="parTrans">
          <dgm:layoutNode name="parTrans" styleLbl="bgSibTrans2D1">
            <dgm:alg type="conn">
              <dgm:param type="begPts" val="auto"/>
              <dgm:param type="endPts" val="ctr"/>
              <dgm:param type="endSty" val="noArr"/>
              <dgm:param type="begSty" val="arr"/>
            </dgm:alg>
            <dgm:shape xmlns:r="http://schemas.openxmlformats.org/officeDocument/2006/relationships" type="conn" r:blip="">
              <dgm:adjLst/>
            </dgm:shape>
            <dgm:presOf axis="self"/>
            <dgm:constrLst>
              <dgm:constr type="begPad" refType="connDist" fact="0.055"/>
              <dgm:constr type="endPad"/>
            </dgm:constrLst>
            <dgm:ruleLst/>
          </dgm:layoutNode>
        </dgm:forEach>
        <dgm:forEach name="Name27" axis="self" ptType="node">
          <dgm:layoutNode name="node" styleLbl="node1">
            <dgm:varLst>
              <dgm:bulletEnabled val="1"/>
            </dgm:varLst>
            <dgm:alg type="tx"/>
            <dgm:shape xmlns:r="http://schemas.openxmlformats.org/officeDocument/2006/relationships" type="roundRect" r:blip="">
              <dgm:adjLst>
                <dgm:adj idx="1" val="0.1"/>
              </dgm:adjLst>
            </dgm:shape>
            <dgm:presOf axis="desOrSelf" ptType="node"/>
            <dgm:constrLst>
              <dgm:constr type="primFontSz" val="65"/>
              <dgm:constr type="h" refType="w" fact="0.8"/>
              <dgm:constr type="tMarg" refType="primFontSz" fact="0.15"/>
              <dgm:constr type="bMarg" refType="primFontSz" fact="0.15"/>
              <dgm:constr type="lMarg" refType="primFontSz" fact="0.15"/>
              <dgm:constr type="rMarg" refType="primFontSz" fact="0.15"/>
            </dgm:constrLst>
            <dgm:ruleLst>
              <dgm:rule type="primFontSz" val="5" fact="NaN" max="NaN"/>
            </dgm:ruleLst>
          </dgm:layoutNode>
        </dgm:forEach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hierarchy4">
  <dgm:title val=""/>
  <dgm:desc val=""/>
  <dgm:catLst>
    <dgm:cat type="hierarchy" pri="4000"/>
    <dgm:cat type="list" pri="24000"/>
    <dgm:cat type="relationship" pri="10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Name0">
    <dgm:varLst>
      <dgm:chPref val="1"/>
      <dgm:dir/>
      <dgm:animOne val="branch"/>
      <dgm:animLvl val="lvl"/>
      <dgm:resizeHandles/>
    </dgm:varLst>
    <dgm:choose name="Name1">
      <dgm:if name="Name2" func="var" arg="dir" op="equ" val="norm">
        <dgm:alg type="lin">
          <dgm:param type="linDir" val="fromL"/>
          <dgm:param type="nodeVertAlign" val="t"/>
        </dgm:alg>
      </dgm:if>
      <dgm:else name="Name3">
        <dgm:alg type="lin">
          <dgm:param type="linDir" val="fromR"/>
          <dgm:param type="nodeVertAlign" val="t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vertOne" refType="w"/>
      <dgm:constr type="w" for="des" forName="horzOne" refType="w"/>
      <dgm:constr type="w" for="des" forName="txOne" refType="w"/>
      <dgm:constr type="w" for="des" forName="vertTwo" refType="w"/>
      <dgm:constr type="w" for="des" forName="horzTwo" refType="w"/>
      <dgm:constr type="w" for="des" forName="txTwo" refType="w"/>
      <dgm:constr type="w" for="des" forName="vertThree" refType="w"/>
      <dgm:constr type="w" for="des" forName="horzThree" refType="w"/>
      <dgm:constr type="w" for="des" forName="txThree" refType="w"/>
      <dgm:constr type="w" for="des" forName="vertFour" refType="w"/>
      <dgm:constr type="w" for="des" forName="horzFour" refType="w"/>
      <dgm:constr type="w" for="des" forName="txFour" refType="w"/>
      <dgm:constr type="h" for="des" ptType="node" op="equ"/>
      <dgm:constr type="h" for="des" forName="txOne" refType="h"/>
      <dgm:constr type="userH" for="des" ptType="node" refType="h" refFor="des" refForName="txOne"/>
      <dgm:constr type="primFontSz" for="des" forName="txOne" val="65"/>
      <dgm:constr type="primFontSz" for="des" forName="txTwo" val="65"/>
      <dgm:constr type="primFontSz" for="des" forName="txTwo" refType="primFontSz" refFor="des" refForName="txOne" op="lte"/>
      <dgm:constr type="primFontSz" for="des" forName="txThree" val="65"/>
      <dgm:constr type="primFontSz" for="des" forName="txThree" refType="primFontSz" refFor="des" refForName="txOne" op="lte"/>
      <dgm:constr type="primFontSz" for="des" forName="txThree" refType="primFontSz" refFor="des" refForName="txTwo" op="lte"/>
      <dgm:constr type="primFontSz" for="des" forName="txFour" val="65"/>
      <dgm:constr type="primFontSz" for="des" forName="txFour" refType="primFontSz" refFor="des" refForName="txOne" op="lte"/>
      <dgm:constr type="primFontSz" for="des" forName="txFour" refType="primFontSz" refFor="des" refForName="txTwo" op="lte"/>
      <dgm:constr type="primFontSz" for="des" forName="txFour" refType="primFontSz" refFor="des" refForName="txThree" op="lte"/>
      <dgm:constr type="w" for="des" forName="sibSpaceOne" refType="w" fact="0.168"/>
      <dgm:constr type="w" for="des" forName="sibSpaceTwo" refType="w" refFor="des" refForName="sibSpaceOne" op="equ" fact="0.5"/>
      <dgm:constr type="w" for="des" forName="sibSpaceThree" refType="w" refFor="des" refForName="sibSpaceTwo" op="equ" fact="0.5"/>
      <dgm:constr type="w" for="des" forName="sibSpaceFour" refType="w" refFor="des" refForName="sibSpaceThree" op="equ" fact="0.5"/>
      <dgm:constr type="h" for="des" forName="parTransOne" refType="w" fact="0.056"/>
      <dgm:constr type="h" for="des" forName="parTransTwo" refType="h" refFor="des" refForName="parTransOne" op="equ"/>
      <dgm:constr type="h" for="des" forName="parTransThree" refType="h" refFor="des" refForName="parTransTwo" op="equ"/>
      <dgm:constr type="h" for="des" forName="parTransFour" refType="h" refFor="des" refForName="parTransThree" op="equ"/>
    </dgm:constrLst>
    <dgm:ruleLst/>
    <dgm:forEach name="Name4" axis="ch" ptType="node">
      <dgm:layoutNode name="vertOne">
        <dgm:alg type="lin">
          <dgm:param type="linDir" val="fromT"/>
        </dgm:alg>
        <dgm:shape xmlns:r="http://schemas.openxmlformats.org/officeDocument/2006/relationships" r:blip="">
          <dgm:adjLst/>
        </dgm:shape>
        <dgm:presOf/>
        <dgm:constrLst>
          <dgm:constr type="w" for="ch" forName="txOne" refType="w" refFor="ch" refForName="horzOne" op="gte"/>
        </dgm:constrLst>
        <dgm:ruleLst/>
        <dgm:layoutNode name="txOne" styleLbl="node0">
          <dgm:varLst>
            <dgm:chPref val="3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5">
          <dgm:if name="Name6" axis="des" ptType="node" func="cnt" op="gt" val="0">
            <dgm:layoutNode name="parTrans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if>
          <dgm:else name="Name7"/>
        </dgm:choose>
        <dgm:layoutNode name="horzOne">
          <dgm:choose name="Name8">
            <dgm:if name="Name9" func="var" arg="dir" op="equ" val="norm">
              <dgm:alg type="lin">
                <dgm:param type="linDir" val="fromL"/>
                <dgm:param type="nodeVertAlign" val="t"/>
              </dgm:alg>
            </dgm:if>
            <dgm:else name="Name10">
              <dgm:alg type="lin">
                <dgm:param type="linDir" val="fromR"/>
                <dgm:param type="nodeVertAlign" val="t"/>
              </dgm:alg>
            </dgm:else>
          </dgm:choose>
          <dgm:shape xmlns:r="http://schemas.openxmlformats.org/officeDocument/2006/relationships" r:blip="">
            <dgm:adjLst/>
          </dgm:shape>
          <dgm:presOf/>
          <dgm:constrLst/>
          <dgm:ruleLst>
            <dgm:rule type="w" val="INF" fact="NaN" max="NaN"/>
          </dgm:ruleLst>
          <dgm:forEach name="Name11" axis="ch" ptType="node">
            <dgm:layoutNode name="vertTwo">
              <dgm:alg type="lin">
                <dgm:param type="linDir" val="fromT"/>
              </dgm:alg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xTwo" refType="w" refFor="ch" refForName="horzTwo" op="gte"/>
              </dgm:constrLst>
              <dgm:ruleLst/>
              <dgm:layoutNode name="txTwo">
                <dgm:varLst>
                  <dgm:chPref val="3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self"/>
                <dgm:constrLst>
                  <dgm:constr type="userH"/>
                  <dgm:constr type="h" refType="userH"/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choose name="Name12">
                <dgm:if name="Name13" axis="des" ptType="node" func="cnt" op="gt" val="0">
                  <dgm:layoutNode name="parTrans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if>
                <dgm:else name="Name14"/>
              </dgm:choose>
              <dgm:layoutNode name="horzTwo">
                <dgm:choose name="Name15">
                  <dgm:if name="Name16" func="var" arg="dir" op="equ" val="norm">
                    <dgm:alg type="lin">
                      <dgm:param type="linDir" val="fromL"/>
                      <dgm:param type="nodeVertAlign" val="t"/>
                    </dgm:alg>
                  </dgm:if>
                  <dgm:else name="Name17">
                    <dgm:alg type="lin">
                      <dgm:param type="linDir" val="fromR"/>
                      <dgm:param type="nodeVertAlign" val="t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constrLst/>
                <dgm:ruleLst>
                  <dgm:rule type="w" val="INF" fact="NaN" max="NaN"/>
                </dgm:ruleLst>
                <dgm:forEach name="Name18" axis="ch" ptType="node">
                  <dgm:layoutNode name="vertThree">
                    <dgm:alg type="lin">
                      <dgm:param type="linDir" val="fromT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w" for="ch" forName="txThree" refType="w" refFor="ch" refForName="horzThree" op="gte"/>
                    </dgm:constrLst>
                    <dgm:ruleLst/>
                    <dgm:layoutNode name="txThree">
                      <dgm:varLst>
                        <dgm:chPref val="3"/>
                      </dgm:varLst>
                      <dgm:alg type="tx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self"/>
                      <dgm:constrLst>
                        <dgm:constr type="userH"/>
                        <dgm:constr type="h" refType="userH"/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choose name="Name19">
                      <dgm:if name="Name20" axis="des" ptType="node" func="cnt" op="gt" val="0">
                        <dgm:layoutNode name="parTrans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if>
                      <dgm:else name="Name21"/>
                    </dgm:choose>
                    <dgm:layoutNode name="horzThree">
                      <dgm:choose name="Name22">
                        <dgm:if name="Name23" func="var" arg="dir" op="equ" val="norm">
                          <dgm:alg type="lin">
                            <dgm:param type="linDir" val="fromL"/>
                            <dgm:param type="nodeVertAlign" val="t"/>
                          </dgm:alg>
                        </dgm:if>
                        <dgm:else name="Name24">
                          <dgm:alg type="lin">
                            <dgm:param type="linDir" val="fromR"/>
                            <dgm:param type="nodeVertAlign" val="t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constrLst/>
                      <dgm:ruleLst>
                        <dgm:rule type="w" val="INF" fact="NaN" max="NaN"/>
                      </dgm:ruleLst>
                      <dgm:forEach name="repeat" axis="ch" ptType="node">
                        <dgm:layoutNode name="vertFour">
                          <dgm:varLst>
                            <dgm:chPref val="3"/>
                          </dgm:varLst>
                          <dgm:alg type="lin">
                            <dgm:param type="linDir" val="fromT"/>
                          </dgm:alg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>
                            <dgm:constr type="w" for="ch" forName="txFour" refType="w" refFor="ch" refForName="horzFour" op="gte"/>
                          </dgm:constrLst>
                          <dgm:ruleLst/>
                          <dgm:layoutNode name="txFour">
                            <dgm:varLst>
                              <dgm:chPref val="3"/>
                            </dgm:varLst>
                            <dgm:alg type="tx"/>
                            <dgm:shape xmlns:r="http://schemas.openxmlformats.org/officeDocument/2006/relationships" type="roundRect" r:blip="">
                              <dgm:adjLst>
                                <dgm:adj idx="1" val="0.1"/>
                              </dgm:adjLst>
                            </dgm:shape>
                            <dgm:presOf axis="self"/>
                            <dgm:constrLst>
                              <dgm:constr type="userH"/>
                              <dgm:constr type="h" refType="userH"/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  <dgm:choose name="Name25">
                            <dgm:if name="Name26" axis="des" ptType="node" func="cnt" op="gt" val="0">
                              <dgm:layoutNode name="parTrans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if>
                            <dgm:else name="Name27"/>
                          </dgm:choose>
                          <dgm:layoutNode name="horzFour">
                            <dgm:choose name="Name28">
                              <dgm:if name="Name29" func="var" arg="dir" op="equ" val="norm">
                                <dgm:alg type="lin">
                                  <dgm:param type="linDir" val="fromL"/>
                                  <dgm:param type="nodeVertAlign" val="t"/>
                                </dgm:alg>
                              </dgm:if>
                              <dgm:else name="Name30">
                                <dgm:alg type="lin">
                                  <dgm:param type="linDir" val="fromR"/>
                                  <dgm:param type="nodeVertAlign" val="t"/>
                                </dgm:alg>
                              </dgm:else>
                            </dgm:choose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/>
                            <dgm:ruleLst>
                              <dgm:rule type="w" val="INF" fact="NaN" max="NaN"/>
                            </dgm:ruleLst>
                            <dgm:forEach name="Name31" ref="repeat"/>
                          </dgm:layoutNode>
                        </dgm:layoutNode>
                        <dgm:choose name="Name32">
                          <dgm:if name="Name33" axis="self" ptType="node" func="revPos" op="gte" val="2">
                            <dgm:forEach name="Name34" axis="followSib" ptType="sibTrans" cnt="1">
                              <dgm:layoutNode name="sibSpace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forEach>
                          </dgm:if>
                          <dgm:else name="Name35"/>
                        </dgm:choose>
                      </dgm:forEach>
                    </dgm:layoutNode>
                  </dgm:layoutNode>
                  <dgm:choose name="Name36">
                    <dgm:if name="Name37" axis="self" ptType="node" func="revPos" op="gte" val="2">
                      <dgm:forEach name="Name38" axis="followSib" ptType="sibTrans" cnt="1">
                        <dgm:layoutNode name="sibSpace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forEach>
                    </dgm:if>
                    <dgm:else name="Name39"/>
                  </dgm:choose>
                </dgm:forEach>
              </dgm:layoutNode>
            </dgm:layoutNode>
            <dgm:choose name="Name40">
              <dgm:if name="Name41" axis="self" ptType="node" func="revPos" op="gte" val="2">
                <dgm:forEach name="Name42" axis="followSib" ptType="sibTrans" cnt="1">
                  <dgm:layoutNode name="sibSpace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forEach>
              </dgm:if>
              <dgm:else name="Name43"/>
            </dgm:choose>
          </dgm:forEach>
        </dgm:layoutNode>
      </dgm:layoutNode>
      <dgm:choose name="Name44">
        <dgm:if name="Name45" axis="self" ptType="node" func="revPos" op="gte" val="2">
          <dgm:forEach name="Name46" axis="followSib" ptType="sibTrans" cnt="1">
            <dgm:layoutNode name="sibSpace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if>
        <dgm:else name="Name47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2" y="0"/>
            <a:ext cx="2945659" cy="496332"/>
          </a:xfrm>
          <a:prstGeom prst="rect">
            <a:avLst/>
          </a:prstGeom>
        </p:spPr>
        <p:txBody>
          <a:bodyPr vert="horz" lIns="91426" tIns="45714" rIns="91426" bIns="45714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50445" y="0"/>
            <a:ext cx="2945659" cy="496332"/>
          </a:xfrm>
          <a:prstGeom prst="rect">
            <a:avLst/>
          </a:prstGeom>
        </p:spPr>
        <p:txBody>
          <a:bodyPr vert="horz" lIns="91426" tIns="45714" rIns="91426" bIns="45714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6/03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90488" y="744538"/>
            <a:ext cx="6616700" cy="372268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26" tIns="45714" rIns="91426" bIns="45714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9768" y="4715155"/>
            <a:ext cx="5438140" cy="4466987"/>
          </a:xfrm>
          <a:prstGeom prst="rect">
            <a:avLst/>
          </a:prstGeom>
        </p:spPr>
        <p:txBody>
          <a:bodyPr vert="horz" lIns="91426" tIns="45714" rIns="91426" bIns="45714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2" y="9428583"/>
            <a:ext cx="2945659" cy="496332"/>
          </a:xfrm>
          <a:prstGeom prst="rect">
            <a:avLst/>
          </a:prstGeom>
        </p:spPr>
        <p:txBody>
          <a:bodyPr vert="horz" lIns="91426" tIns="45714" rIns="91426" bIns="45714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50445" y="9428583"/>
            <a:ext cx="2945659" cy="496332"/>
          </a:xfrm>
          <a:prstGeom prst="rect">
            <a:avLst/>
          </a:prstGeom>
        </p:spPr>
        <p:txBody>
          <a:bodyPr vert="horz" lIns="91426" tIns="45714" rIns="91426" bIns="45714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BF38664-66C0-F04E-12E9-6EFD35D7E91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9D53176-3A42-F232-2EA1-81BD652549B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12F6BCD-A00F-2CE2-5D40-51C937FCE0B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F9B3D16-E67C-EBDA-42C1-1A0F6CF2692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4366505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313DCA-2B30-5B1E-44FC-07ED9C54519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5539D794-7E99-C2DA-0A8A-979AF4368D1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DEDFE78B-2A30-1310-83FA-7AE5E1420F4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defTabSz="1327516">
              <a:spcBef>
                <a:spcPts val="436"/>
              </a:spcBef>
              <a:spcAft>
                <a:spcPts val="436"/>
              </a:spcAft>
              <a:defRPr/>
            </a:pP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A13DB03-8D24-74D5-5413-E665A61B07B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260070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5D85F91-6EA7-081F-3AE1-1EE4E3D8F11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D026C94-D432-D6DB-AF57-6F82BC7CCC1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B72C823-3F1E-A3BE-95CE-5E76A37FA05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D61FB91-A1DE-A904-4F24-F8604FC65C2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2732779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1940957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3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3.xml"/></Relationships>
</file>

<file path=ppt/slideLayouts/_rels/slideLayout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3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, maksimalt 3 linj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/>
              <a:t>Overskrift i </a:t>
            </a:r>
            <a:r>
              <a:rPr lang="da-DK" err="1"/>
              <a:t>maks</a:t>
            </a:r>
            <a:r>
              <a:rPr lang="da-DK"/>
              <a:t> 2 linjer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/>
              <a:t>Klik for at indsætte tekst (f.eks. job titel)</a:t>
            </a:r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9" name="text" descr="{&quot;templafy&quot;:{&quot;id&quot;:&quot;391d9f59-74b3-4723-a1cb-bfc2606a5e2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>
                <a:solidFill>
                  <a:schemeClr val="bg1"/>
                </a:solidFill>
              </a:rPr>
              <a:t>Student Services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bd169ecf-5006-48e2-99fe-f617af726c21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>
                <a:solidFill>
                  <a:schemeClr val="bg1"/>
                </a:solidFill>
              </a:rPr>
              <a:t>marts 2019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67370361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4033843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9" name="text" descr="{&quot;templafy&quot;:{&quot;id&quot;:&quot;001ad14c-2ebf-437c-b510-f0fb21504f56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/>
              <a:t>Student Service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1bceef11-bdb4-4188-95af-9abae6f7fdf9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>
                <a:solidFill>
                  <a:schemeClr val="tx1"/>
                </a:solidFill>
              </a:rPr>
              <a:t>marts 2019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8359538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96278209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3433757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9" name="date" descr="{&quot;templafy&quot;:{&quot;id&quot;:&quot;614ba03c-257e-4a97-b48f-a3e0a0298c57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>
                <a:solidFill>
                  <a:schemeClr val="tx1"/>
                </a:solidFill>
              </a:rPr>
              <a:t>marts 2019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1774504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9" name="text" descr="{&quot;templafy&quot;:{&quot;id&quot;:&quot;6b8cc5ea-8eb1-4a76-b4f3-20ad33fce080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/>
              <a:t>Student Service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32ac1a59-94a2-415b-8447-3fbe7fce5069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>
                <a:solidFill>
                  <a:schemeClr val="tx1"/>
                </a:solidFill>
              </a:rPr>
              <a:t>marts 2019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901984246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963233088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, maksimalt 3 linj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4" name="text" descr="{&quot;templafy&quot;:{&quot;id&quot;:&quot;450af00a-de52-4301-944e-f5d760555af6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/>
              <a:t>Student Services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7e4b49da-4591-49be-ac92-b60cf85120f7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>
                <a:solidFill>
                  <a:schemeClr val="tx1"/>
                </a:solidFill>
              </a:rPr>
              <a:t>marts 2019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4276943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/>
              <a:t>Overskrift i </a:t>
            </a:r>
            <a:r>
              <a:rPr lang="da-DK" err="1"/>
              <a:t>maks</a:t>
            </a:r>
            <a:r>
              <a:rPr lang="da-DK"/>
              <a:t> 2 linjer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/>
              <a:t>Klik for at indsætte tekst (f.eks. job titel)</a:t>
            </a:r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5f507bd5-e0df-4678-84b1-0856829b447e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/>
              <a:t>SDU Uddannelse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83121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73618203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62342920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9200475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da-DK"/>
              <a:t>15-09-2023</a:t>
            </a:r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err="1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0" name="sdu.dk">
            <a:extLst>
              <a:ext uri="{FF2B5EF4-FFF2-40B4-BE49-F238E27FC236}">
                <a16:creationId xmlns:a16="http://schemas.microsoft.com/office/drawing/2014/main" id="{5F437060-4963-9A90-49BE-4DB78D67358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B895B5AD-6736-F08F-4772-E45EC9527D8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9" name="text" descr="{&quot;templafy&quot;:{&quot;id&quot;:&quot;3a726446-d945-4caa-b391-21d0d15019e7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>
                <a:solidFill>
                  <a:schemeClr val="bg1"/>
                </a:solidFill>
              </a:rPr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2834009697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da-DK"/>
              <a:t>15-09-2023</a:t>
            </a:r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6" name="text" descr="{&quot;templafy&quot;:{&quot;id&quot;:&quot;87768e36-9c33-4eae-b18b-2ab90b9cf29e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146238619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5" name="text" descr="{&quot;templafy&quot;:{&quot;id&quot;:&quot;9c679bdf-5cd0-4cf4-8310-a6cd7700e57f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478888384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da-DK"/>
              <a:t>15-09-2023</a:t>
            </a:r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0" name="text" descr="{&quot;templafy&quot;:{&quot;id&quot;:&quot;abf32a0d-429e-4c3f-b61d-679835f3e28b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3116972543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da-DK"/>
              <a:t>15-09-2023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9" name="text" descr="{&quot;templafy&quot;:{&quot;id&quot;:&quot;41174505-b077-4b36-805d-2c7d8683c395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358565850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da-DK"/>
              <a:t>15-09-2023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sdu.dk">
            <a:extLst>
              <a:ext uri="{FF2B5EF4-FFF2-40B4-BE49-F238E27FC236}">
                <a16:creationId xmlns:a16="http://schemas.microsoft.com/office/drawing/2014/main" id="{1E4AFDBB-7C79-C055-A1D6-4A88549083ED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EC3EFC9E-0697-AA03-0280-879B877EC0D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25d3650a-f00d-49e8-b5e2-51b94a5f60c5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34458902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da-DK"/>
              <a:t>15-09-2023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text" descr="{&quot;templafy&quot;:{&quot;id&quot;:&quot;c7e71c54-fb00-42e1-81fb-57044f62e93d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21422211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r>
              <a:rPr lang="da-DK"/>
              <a:t>15-09-2023</a:t>
            </a:r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0" name="sdu.dk">
            <a:extLst>
              <a:ext uri="{FF2B5EF4-FFF2-40B4-BE49-F238E27FC236}">
                <a16:creationId xmlns:a16="http://schemas.microsoft.com/office/drawing/2014/main" id="{E11EA3DB-CFF9-E17E-4691-AD84BB1AA23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1" name="#sdudk">
            <a:extLst>
              <a:ext uri="{FF2B5EF4-FFF2-40B4-BE49-F238E27FC236}">
                <a16:creationId xmlns:a16="http://schemas.microsoft.com/office/drawing/2014/main" id="{47D4647D-A0D8-4BA6-8B1D-579A8962B25B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7" name="text" descr="{&quot;templafy&quot;:{&quot;id&quot;:&quot;2efeeae0-d54d-4b2b-9cb3-14b43c9d6938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1021416671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r>
              <a:rPr lang="da-DK"/>
              <a:t>15-09-2023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6" name="text" descr="{&quot;templafy&quot;:{&quot;id&quot;:&quot;372f3b3a-e71f-4ff3-abf3-86584c423f1f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1900546214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, maksimalt 3 linj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72697A22-CBC3-A484-F246-C5C8B438E04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28A7C55E-B681-C1E7-FA15-608C847286B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6" name="text" descr="{&quot;templafy&quot;:{&quot;id&quot;:&quot;f842fda7-1da0-41d2-a9c9-1a71be42e619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24353161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/>
              <a:t>Overskrift i </a:t>
            </a:r>
            <a:r>
              <a:rPr lang="da-DK" err="1"/>
              <a:t>maks</a:t>
            </a:r>
            <a:r>
              <a:rPr lang="da-DK"/>
              <a:t> 2 linjer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/>
              <a:t>Klik for at indsætte tekst (f.eks. job titel)</a:t>
            </a:r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da-DK"/>
              <a:t>15-09-2023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6">
            <a:extLst>
              <a:ext uri="{FF2B5EF4-FFF2-40B4-BE49-F238E27FC236}">
                <a16:creationId xmlns:a16="http://schemas.microsoft.com/office/drawing/2014/main" id="{510354E0-0D98-99BD-C41C-5C6F483535D4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Rectangle 18">
            <a:extLst>
              <a:ext uri="{FF2B5EF4-FFF2-40B4-BE49-F238E27FC236}">
                <a16:creationId xmlns:a16="http://schemas.microsoft.com/office/drawing/2014/main" id="{F2E80612-65CA-8548-5C3F-0053B483CBEF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6" name="text" descr="{&quot;templafy&quot;:{&quot;id&quot;:&quot;9292e455-2b01-40f3-9472-485c731ad10d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161037838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da-DK"/>
              <a:t>15-09-2023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8" name="text" descr="{&quot;templafy&quot;:{&quot;id&quot;:&quot;b28c34c5-7ba5-4e2c-bf21-672bf8b23346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237481821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r>
              <a:rPr lang="da-DK"/>
              <a:t>15-09-2023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2" name="text" descr="{&quot;templafy&quot;:{&quot;id&quot;:&quot;fb84b6e5-5d84-4056-a7f9-bb92a4cbd37c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3782396587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a-DK"/>
              <a:t>15-09-2023</a:t>
            </a:r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9" name="text" descr="{&quot;templafy&quot;:{&quot;id&quot;:&quot;ab53a717-fdb8-4625-8ce0-b08189d04d87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182787786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2.xml"/><Relationship Id="rId13" Type="http://schemas.openxmlformats.org/officeDocument/2006/relationships/slideLayout" Target="../slideLayouts/slideLayout27.xml"/><Relationship Id="rId3" Type="http://schemas.openxmlformats.org/officeDocument/2006/relationships/slideLayout" Target="../slideLayouts/slideLayout17.xml"/><Relationship Id="rId7" Type="http://schemas.openxmlformats.org/officeDocument/2006/relationships/slideLayout" Target="../slideLayouts/slideLayout21.xml"/><Relationship Id="rId12" Type="http://schemas.openxmlformats.org/officeDocument/2006/relationships/slideLayout" Target="../slideLayouts/slideLayout26.xml"/><Relationship Id="rId2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5.xml"/><Relationship Id="rId6" Type="http://schemas.openxmlformats.org/officeDocument/2006/relationships/slideLayout" Target="../slideLayouts/slideLayout20.xml"/><Relationship Id="rId11" Type="http://schemas.openxmlformats.org/officeDocument/2006/relationships/slideLayout" Target="../slideLayouts/slideLayout25.xml"/><Relationship Id="rId5" Type="http://schemas.openxmlformats.org/officeDocument/2006/relationships/slideLayout" Target="../slideLayouts/slideLayout19.xml"/><Relationship Id="rId15" Type="http://schemas.openxmlformats.org/officeDocument/2006/relationships/image" Target="../media/image1.emf"/><Relationship Id="rId10" Type="http://schemas.openxmlformats.org/officeDocument/2006/relationships/slideLayout" Target="../slideLayouts/slideLayout24.xml"/><Relationship Id="rId4" Type="http://schemas.openxmlformats.org/officeDocument/2006/relationships/slideLayout" Target="../slideLayouts/slideLayout18.xml"/><Relationship Id="rId9" Type="http://schemas.openxmlformats.org/officeDocument/2006/relationships/slideLayout" Target="../slideLayouts/slideLayout23.xml"/><Relationship Id="rId14" Type="http://schemas.openxmlformats.org/officeDocument/2006/relationships/theme" Target="../theme/theme2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5.xml"/><Relationship Id="rId13" Type="http://schemas.openxmlformats.org/officeDocument/2006/relationships/slideLayout" Target="../slideLayouts/slideLayout40.xml"/><Relationship Id="rId3" Type="http://schemas.openxmlformats.org/officeDocument/2006/relationships/slideLayout" Target="../slideLayouts/slideLayout30.xml"/><Relationship Id="rId7" Type="http://schemas.openxmlformats.org/officeDocument/2006/relationships/slideLayout" Target="../slideLayouts/slideLayout34.xml"/><Relationship Id="rId12" Type="http://schemas.openxmlformats.org/officeDocument/2006/relationships/slideLayout" Target="../slideLayouts/slideLayout39.xml"/><Relationship Id="rId2" Type="http://schemas.openxmlformats.org/officeDocument/2006/relationships/slideLayout" Target="../slideLayouts/slideLayout29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28.xml"/><Relationship Id="rId6" Type="http://schemas.openxmlformats.org/officeDocument/2006/relationships/slideLayout" Target="../slideLayouts/slideLayout33.xml"/><Relationship Id="rId11" Type="http://schemas.openxmlformats.org/officeDocument/2006/relationships/slideLayout" Target="../slideLayouts/slideLayout38.xml"/><Relationship Id="rId5" Type="http://schemas.openxmlformats.org/officeDocument/2006/relationships/slideLayout" Target="../slideLayouts/slideLayout32.xml"/><Relationship Id="rId15" Type="http://schemas.openxmlformats.org/officeDocument/2006/relationships/theme" Target="../theme/theme3.xml"/><Relationship Id="rId10" Type="http://schemas.openxmlformats.org/officeDocument/2006/relationships/slideLayout" Target="../slideLayouts/slideLayout37.xml"/><Relationship Id="rId4" Type="http://schemas.openxmlformats.org/officeDocument/2006/relationships/slideLayout" Target="../slideLayouts/slideLayout31.xml"/><Relationship Id="rId9" Type="http://schemas.openxmlformats.org/officeDocument/2006/relationships/slideLayout" Target="../slideLayouts/slideLayout36.xml"/><Relationship Id="rId14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342c8639-57c3-41bd-b944-dc2595692c5c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>
                <a:solidFill>
                  <a:schemeClr val="tx1"/>
                </a:solidFill>
              </a:rPr>
              <a:t>marts 2019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3" name="text" descr="{&quot;templafy&quot;:{&quot;id&quot;:&quot;478b6426-f796-49b6-9417-70ac4c933e01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/>
              <a:t>Student Services</a:t>
            </a:r>
          </a:p>
        </p:txBody>
      </p:sp>
    </p:spTree>
    <p:extLst>
      <p:ext uri="{BB962C8B-B14F-4D97-AF65-F5344CB8AC3E}">
        <p14:creationId xmlns:p14="http://schemas.microsoft.com/office/powerpoint/2010/main" val="173310485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>
          <p15:clr>
            <a:srgbClr val="F26B43"/>
          </p15:clr>
        </p15:guide>
        <p15:guide id="4" orient="horz" pos="1071">
          <p15:clr>
            <a:srgbClr val="F26B43"/>
          </p15:clr>
        </p15:guide>
        <p15:guide id="5" pos="259">
          <p15:clr>
            <a:srgbClr val="F26B43"/>
          </p15:clr>
        </p15:guide>
        <p15:guide id="6" pos="7421">
          <p15:clr>
            <a:srgbClr val="F26B43"/>
          </p15:clr>
        </p15:guide>
        <p15:guide id="7" orient="horz" pos="1253">
          <p15:clr>
            <a:srgbClr val="F26B43"/>
          </p15:clr>
        </p15:guide>
        <p15:guide id="8" orient="horz" pos="3680">
          <p15:clr>
            <a:srgbClr val="F26B43"/>
          </p15:clr>
        </p15:guide>
        <p15:guide id="9" orient="horz" pos="3916">
          <p15:clr>
            <a:srgbClr val="F26B43"/>
          </p15:clr>
        </p15:guide>
        <p15:guide id="10" orient="horz" pos="4094">
          <p15:clr>
            <a:srgbClr val="F26B43"/>
          </p15:clr>
        </p15:guide>
        <p15:guide id="11" pos="545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da-DK"/>
              <a:t>15-09-2023</a:t>
            </a:r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3-2025</a:t>
            </a:fld>
            <a:endParaRPr lang="da-DK"/>
          </a:p>
        </p:txBody>
      </p:sp>
      <p:sp>
        <p:nvSpPr>
          <p:cNvPr id="14" name="Rectangle 3" descr="{&quot;templafy&quot;:{&quot;id&quot;:&quot;55b56992-41af-43e2-aaed-cd8ac38de3cf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r>
              <a:rPr lang="da-DK" sz="1050" err="1">
                <a:solidFill>
                  <a:schemeClr val="tx1"/>
                </a:solidFill>
              </a:rPr>
              <a:t>15. september 2023</a:t>
            </a: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7" name="text" descr="{&quot;templafy&quot;:{&quot;id&quot;:&quot;d9002480-bff4-40b3-b3cd-fd03d8c85bc4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/>
              <a:t>SDU Studieservice</a:t>
            </a:r>
          </a:p>
        </p:txBody>
      </p:sp>
    </p:spTree>
    <p:extLst>
      <p:ext uri="{BB962C8B-B14F-4D97-AF65-F5344CB8AC3E}">
        <p14:creationId xmlns:p14="http://schemas.microsoft.com/office/powerpoint/2010/main" val="12410158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9" r:id="rId1"/>
    <p:sldLayoutId id="2147483710" r:id="rId2"/>
    <p:sldLayoutId id="2147483711" r:id="rId3"/>
    <p:sldLayoutId id="2147483712" r:id="rId4"/>
    <p:sldLayoutId id="2147483713" r:id="rId5"/>
    <p:sldLayoutId id="2147483714" r:id="rId6"/>
    <p:sldLayoutId id="2147483715" r:id="rId7"/>
    <p:sldLayoutId id="2147483716" r:id="rId8"/>
    <p:sldLayoutId id="2147483717" r:id="rId9"/>
    <p:sldLayoutId id="2147483718" r:id="rId10"/>
    <p:sldLayoutId id="2147483719" r:id="rId11"/>
    <p:sldLayoutId id="2147483720" r:id="rId12"/>
    <p:sldLayoutId id="2147483721" r:id="rId13"/>
    <p:sldLayoutId id="2147483722" r:id="rId14"/>
  </p:sldLayoutIdLst>
  <p:hf sldNum="0" hdr="0" ftr="0" dt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>
          <p15:clr>
            <a:srgbClr val="F26B43"/>
          </p15:clr>
        </p15:guide>
        <p15:guide id="13" orient="horz" pos="1071">
          <p15:clr>
            <a:srgbClr val="F26B43"/>
          </p15:clr>
        </p15:guide>
        <p15:guide id="14" pos="259">
          <p15:clr>
            <a:srgbClr val="F26B43"/>
          </p15:clr>
        </p15:guide>
        <p15:guide id="15" pos="7421">
          <p15:clr>
            <a:srgbClr val="F26B43"/>
          </p15:clr>
        </p15:guide>
        <p15:guide id="16" orient="horz" pos="1253">
          <p15:clr>
            <a:srgbClr val="F26B43"/>
          </p15:clr>
        </p15:guide>
        <p15:guide id="17" orient="horz" pos="3680">
          <p15:clr>
            <a:srgbClr val="F26B43"/>
          </p15:clr>
        </p15:guide>
        <p15:guide id="18" orient="horz" pos="3916">
          <p15:clr>
            <a:srgbClr val="F26B43"/>
          </p15:clr>
        </p15:guide>
        <p15:guide id="19" orient="horz" pos="4094">
          <p15:clr>
            <a:srgbClr val="F26B43"/>
          </p15:clr>
        </p15:guide>
        <p15:guide id="20" pos="545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3.png"/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Relationship Id="rId6" Type="http://schemas.openxmlformats.org/officeDocument/2006/relationships/diagramColors" Target="../diagrams/colors1.xml"/><Relationship Id="rId5" Type="http://schemas.openxmlformats.org/officeDocument/2006/relationships/diagramQuickStyle" Target="../diagrams/quickStyle1.xml"/><Relationship Id="rId4" Type="http://schemas.openxmlformats.org/officeDocument/2006/relationships/diagramLayout" Target="../diagrams/layout1.xml"/><Relationship Id="rId9" Type="http://schemas.openxmlformats.org/officeDocument/2006/relationships/image" Target="../media/image4.sv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2.xml"/><Relationship Id="rId7" Type="http://schemas.microsoft.com/office/2007/relationships/diagramDrawing" Target="../diagrams/drawing2.xm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8.xml"/><Relationship Id="rId6" Type="http://schemas.openxmlformats.org/officeDocument/2006/relationships/diagramColors" Target="../diagrams/colors2.xml"/><Relationship Id="rId5" Type="http://schemas.openxmlformats.org/officeDocument/2006/relationships/diagramQuickStyle" Target="../diagrams/quickStyle2.xml"/><Relationship Id="rId4" Type="http://schemas.openxmlformats.org/officeDocument/2006/relationships/diagramLayout" Target="../diagrams/layout2.xml"/></Relationships>
</file>

<file path=ppt/slides/_rels/slide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31E29FB-C104-8ACB-FDBB-E57E2AB66B3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Content Placeholder 5">
            <a:extLst>
              <a:ext uri="{FF2B5EF4-FFF2-40B4-BE49-F238E27FC236}">
                <a16:creationId xmlns:a16="http://schemas.microsoft.com/office/drawing/2014/main" id="{4855FECA-2F24-8B2F-94C7-7A4BB098C707}"/>
              </a:ext>
            </a:extLst>
          </p:cNvPr>
          <p:cNvGraphicFramePr>
            <a:graphicFrameLocks noGrp="1"/>
          </p:cNvGraphicFramePr>
          <p:nvPr>
            <p:ph sz="quarter" idx="19"/>
            <p:extLst>
              <p:ext uri="{D42A27DB-BD31-4B8C-83A1-F6EECF244321}">
                <p14:modId xmlns:p14="http://schemas.microsoft.com/office/powerpoint/2010/main" val="2379653572"/>
              </p:ext>
            </p:extLst>
          </p:nvPr>
        </p:nvGraphicFramePr>
        <p:xfrm>
          <a:off x="776923" y="1989138"/>
          <a:ext cx="10961687" cy="386397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12" name="TextBox 11">
            <a:extLst>
              <a:ext uri="{FF2B5EF4-FFF2-40B4-BE49-F238E27FC236}">
                <a16:creationId xmlns:a16="http://schemas.microsoft.com/office/drawing/2014/main" id="{04256CCC-607E-6E43-B13F-8F175A295615}"/>
              </a:ext>
            </a:extLst>
          </p:cNvPr>
          <p:cNvSpPr txBox="1"/>
          <p:nvPr/>
        </p:nvSpPr>
        <p:spPr>
          <a:xfrm>
            <a:off x="5813818" y="5360670"/>
            <a:ext cx="44394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200"/>
              <a:t>?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52E5506-FE2D-51A6-E355-FEC83E0476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087" y="485986"/>
            <a:ext cx="10962000" cy="671967"/>
          </a:xfrm>
        </p:spPr>
        <p:txBody>
          <a:bodyPr/>
          <a:lstStyle/>
          <a:p>
            <a:r>
              <a:rPr lang="da-DK" sz="1800" b="0"/>
              <a:t>Der</a:t>
            </a:r>
            <a:r>
              <a:rPr lang="da-DK" sz="1800"/>
              <a:t> </a:t>
            </a:r>
            <a:r>
              <a:rPr lang="da-DK" sz="2000" b="0"/>
              <a:t>er behov for, at vi kigger </a:t>
            </a:r>
            <a:r>
              <a:rPr lang="da-DK" sz="2000"/>
              <a:t>på organiseringen af </a:t>
            </a:r>
            <a:r>
              <a:rPr lang="da-DK" sz="2000" b="0"/>
              <a:t>de uddannelsesadministrative </a:t>
            </a:r>
            <a:r>
              <a:rPr lang="da-DK" sz="2000"/>
              <a:t>opgaver</a:t>
            </a:r>
            <a:r>
              <a:rPr lang="da-DK" sz="2000" b="0"/>
              <a:t> fordi…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4013748-040D-3FCE-32C8-18950B99C0F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8371651-E3E6-4806-865B-67FFBB1CB79F}" type="datetime1">
              <a:rPr lang="da-DK" smtClean="0"/>
              <a:t>06-03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B35672-E3CF-E7BE-9F04-DC5D08FE443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</a:t>
            </a:fld>
            <a:endParaRPr lang="da-DK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7BC9C4-4129-D339-430F-259B4B08500B}"/>
              </a:ext>
            </a:extLst>
          </p:cNvPr>
          <p:cNvSpPr txBox="1"/>
          <p:nvPr/>
        </p:nvSpPr>
        <p:spPr>
          <a:xfrm>
            <a:off x="8212339" y="3551793"/>
            <a:ext cx="2633248" cy="246221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/>
            <a:r>
              <a:rPr lang="da-DK" sz="1600"/>
              <a:t>Klar til </a:t>
            </a:r>
            <a:r>
              <a:rPr lang="da-DK" sz="1600" err="1"/>
              <a:t>Eduhub</a:t>
            </a:r>
            <a:endParaRPr lang="en-US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1FEB120-AC57-B5E9-A83F-786AA3C14671}"/>
              </a:ext>
            </a:extLst>
          </p:cNvPr>
          <p:cNvSpPr txBox="1"/>
          <p:nvPr/>
        </p:nvSpPr>
        <p:spPr>
          <a:xfrm>
            <a:off x="4827965" y="1439006"/>
            <a:ext cx="2216889" cy="492443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/>
            <a:r>
              <a:rPr lang="da-DK" sz="1600"/>
              <a:t>De studerende i centrum</a:t>
            </a:r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4C485FB-FA86-91BB-21DF-AF67A777A71E}"/>
              </a:ext>
            </a:extLst>
          </p:cNvPr>
          <p:cNvSpPr txBox="1"/>
          <p:nvPr/>
        </p:nvSpPr>
        <p:spPr>
          <a:xfrm>
            <a:off x="1184910" y="3674904"/>
            <a:ext cx="2923954" cy="246221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/>
            <a:r>
              <a:rPr lang="da-DK" sz="1600"/>
              <a:t>Verden i bevægelse</a:t>
            </a:r>
            <a:endParaRPr lang="en-US"/>
          </a:p>
        </p:txBody>
      </p:sp>
      <p:pic>
        <p:nvPicPr>
          <p:cNvPr id="11" name="Graphic 10" descr="Hierarchy outline">
            <a:extLst>
              <a:ext uri="{FF2B5EF4-FFF2-40B4-BE49-F238E27FC236}">
                <a16:creationId xmlns:a16="http://schemas.microsoft.com/office/drawing/2014/main" id="{FA852800-878C-1B9E-753D-2D9C9EBDF21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5333633" y="4310022"/>
            <a:ext cx="1164911" cy="11649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163036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27AED6B-7A31-DCFA-6D74-EFC5FA4CA8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A2A95B04-1E67-445C-8926-4BF301C752A6}"/>
              </a:ext>
            </a:extLst>
          </p:cNvPr>
          <p:cNvCxnSpPr>
            <a:cxnSpLocks/>
          </p:cNvCxnSpPr>
          <p:nvPr/>
        </p:nvCxnSpPr>
        <p:spPr>
          <a:xfrm flipH="1">
            <a:off x="5553626" y="3220561"/>
            <a:ext cx="20788" cy="2895600"/>
          </a:xfrm>
          <a:prstGeom prst="straightConnector1">
            <a:avLst/>
          </a:prstGeom>
          <a:ln w="12700">
            <a:solidFill>
              <a:schemeClr val="tx1"/>
            </a:solidFill>
            <a:prstDash val="solid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itel 1">
            <a:extLst>
              <a:ext uri="{FF2B5EF4-FFF2-40B4-BE49-F238E27FC236}">
                <a16:creationId xmlns:a16="http://schemas.microsoft.com/office/drawing/2014/main" id="{A2205CEB-47FD-65E0-C794-B7FC0E05FBE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3215" y="499029"/>
            <a:ext cx="10962000" cy="671967"/>
          </a:xfrm>
        </p:spPr>
        <p:txBody>
          <a:bodyPr/>
          <a:lstStyle/>
          <a:p>
            <a:r>
              <a:rPr lang="da-DK" sz="2400" dirty="0"/>
              <a:t>Omstillingen af uddannelsesadministrationen planlægges i bølg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C0EA37E1-34BB-E099-A174-110F91EB9EB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13202EF-79D5-4EDB-B9B4-25DA2D9D8968}" type="datetime1">
              <a:rPr lang="da-DK" smtClean="0"/>
              <a:t>06-03-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C2F03B4-356E-8FA6-C16F-D83619C9A41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/>
          </a:p>
        </p:txBody>
      </p:sp>
      <p:grpSp>
        <p:nvGrpSpPr>
          <p:cNvPr id="7" name="Gruppe 6">
            <a:extLst>
              <a:ext uri="{FF2B5EF4-FFF2-40B4-BE49-F238E27FC236}">
                <a16:creationId xmlns:a16="http://schemas.microsoft.com/office/drawing/2014/main" id="{F4DA4256-67D6-2B92-D939-905287E2AC54}"/>
              </a:ext>
            </a:extLst>
          </p:cNvPr>
          <p:cNvGrpSpPr/>
          <p:nvPr/>
        </p:nvGrpSpPr>
        <p:grpSpPr>
          <a:xfrm>
            <a:off x="474838" y="2365969"/>
            <a:ext cx="9911639" cy="3831964"/>
            <a:chOff x="-68731" y="2270260"/>
            <a:chExt cx="9911639" cy="3831964"/>
          </a:xfrm>
        </p:grpSpPr>
        <p:cxnSp>
          <p:nvCxnSpPr>
            <p:cNvPr id="8" name="Lige pilforbindelse 7">
              <a:extLst>
                <a:ext uri="{FF2B5EF4-FFF2-40B4-BE49-F238E27FC236}">
                  <a16:creationId xmlns:a16="http://schemas.microsoft.com/office/drawing/2014/main" id="{A36407FD-EE45-6D79-AA57-F259ADFC6950}"/>
                </a:ext>
              </a:extLst>
            </p:cNvPr>
            <p:cNvCxnSpPr>
              <a:cxnSpLocks/>
            </p:cNvCxnSpPr>
            <p:nvPr/>
          </p:nvCxnSpPr>
          <p:spPr>
            <a:xfrm>
              <a:off x="965326" y="5594849"/>
              <a:ext cx="8877582" cy="21024"/>
            </a:xfrm>
            <a:prstGeom prst="straightConnector1">
              <a:avLst/>
            </a:prstGeom>
            <a:ln w="9525">
              <a:solidFill>
                <a:schemeClr val="tx1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Lige pilforbindelse 8">
              <a:extLst>
                <a:ext uri="{FF2B5EF4-FFF2-40B4-BE49-F238E27FC236}">
                  <a16:creationId xmlns:a16="http://schemas.microsoft.com/office/drawing/2014/main" id="{ACD96B76-13C8-A4E6-29B1-FBEA250B1073}"/>
                </a:ext>
              </a:extLst>
            </p:cNvPr>
            <p:cNvCxnSpPr>
              <a:cxnSpLocks/>
            </p:cNvCxnSpPr>
            <p:nvPr/>
          </p:nvCxnSpPr>
          <p:spPr>
            <a:xfrm flipH="1" flipV="1">
              <a:off x="198683" y="2270260"/>
              <a:ext cx="22366" cy="3308953"/>
            </a:xfrm>
            <a:prstGeom prst="straightConnector1">
              <a:avLst/>
            </a:prstGeom>
            <a:ln w="9525">
              <a:solidFill>
                <a:schemeClr val="tx1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" name="Tekstfelt 10">
              <a:extLst>
                <a:ext uri="{FF2B5EF4-FFF2-40B4-BE49-F238E27FC236}">
                  <a16:creationId xmlns:a16="http://schemas.microsoft.com/office/drawing/2014/main" id="{7F03F587-1EEF-6C26-4F8D-2834535C988F}"/>
                </a:ext>
              </a:extLst>
            </p:cNvPr>
            <p:cNvSpPr txBox="1"/>
            <p:nvPr/>
          </p:nvSpPr>
          <p:spPr>
            <a:xfrm rot="16200000">
              <a:off x="-857515" y="3059045"/>
              <a:ext cx="1844982" cy="267413"/>
            </a:xfrm>
            <a:prstGeom prst="rect">
              <a:avLst/>
            </a:prstGeom>
          </p:spPr>
          <p:txBody>
            <a:bodyPr wrap="square" lIns="0" tIns="0" rIns="0" bIns="0" rtlCol="0" anchor="ctr">
              <a:noAutofit/>
            </a:bodyPr>
            <a:lstStyle/>
            <a:p>
              <a:pPr algn="ctr">
                <a:spcBef>
                  <a:spcPts val="300"/>
                </a:spcBef>
                <a:spcAft>
                  <a:spcPts val="300"/>
                </a:spcAft>
              </a:pPr>
              <a:r>
                <a:rPr lang="da-DK" sz="1200"/>
                <a:t>N</a:t>
              </a:r>
              <a:r>
                <a:rPr lang="da-DK" sz="1200">
                  <a:solidFill>
                    <a:schemeClr val="tx1"/>
                  </a:solidFill>
                </a:rPr>
                <a:t>YE KAPABILITETER</a:t>
              </a:r>
            </a:p>
          </p:txBody>
        </p:sp>
        <p:sp>
          <p:nvSpPr>
            <p:cNvPr id="12" name="Tekstfelt 11">
              <a:extLst>
                <a:ext uri="{FF2B5EF4-FFF2-40B4-BE49-F238E27FC236}">
                  <a16:creationId xmlns:a16="http://schemas.microsoft.com/office/drawing/2014/main" id="{D12E5023-10B4-0992-9246-69E594E4EC2A}"/>
                </a:ext>
              </a:extLst>
            </p:cNvPr>
            <p:cNvSpPr txBox="1"/>
            <p:nvPr/>
          </p:nvSpPr>
          <p:spPr>
            <a:xfrm>
              <a:off x="186072" y="5834811"/>
              <a:ext cx="1130061" cy="267413"/>
            </a:xfrm>
            <a:prstGeom prst="rect">
              <a:avLst/>
            </a:prstGeom>
          </p:spPr>
          <p:txBody>
            <a:bodyPr wrap="square" lIns="0" tIns="0" rIns="0" bIns="0" rtlCol="0" anchor="ctr">
              <a:noAutofit/>
            </a:bodyPr>
            <a:lstStyle/>
            <a:p>
              <a:pPr algn="l">
                <a:spcBef>
                  <a:spcPts val="300"/>
                </a:spcBef>
                <a:spcAft>
                  <a:spcPts val="300"/>
                </a:spcAft>
              </a:pPr>
              <a:r>
                <a:rPr lang="da-DK" sz="1200">
                  <a:solidFill>
                    <a:schemeClr val="tx1"/>
                  </a:solidFill>
                </a:rPr>
                <a:t>NUTID…</a:t>
              </a:r>
            </a:p>
          </p:txBody>
        </p:sp>
        <p:grpSp>
          <p:nvGrpSpPr>
            <p:cNvPr id="13" name="Gruppe 12">
              <a:extLst>
                <a:ext uri="{FF2B5EF4-FFF2-40B4-BE49-F238E27FC236}">
                  <a16:creationId xmlns:a16="http://schemas.microsoft.com/office/drawing/2014/main" id="{5C58602E-A57F-59F3-D5F5-D5C8421D6308}"/>
                </a:ext>
              </a:extLst>
            </p:cNvPr>
            <p:cNvGrpSpPr/>
            <p:nvPr/>
          </p:nvGrpSpPr>
          <p:grpSpPr>
            <a:xfrm>
              <a:off x="1121401" y="4728609"/>
              <a:ext cx="2202790" cy="763554"/>
              <a:chOff x="1391400" y="3880884"/>
              <a:chExt cx="2202790" cy="763554"/>
            </a:xfrm>
          </p:grpSpPr>
          <p:sp>
            <p:nvSpPr>
              <p:cNvPr id="43" name="Tekstfelt 42">
                <a:extLst>
                  <a:ext uri="{FF2B5EF4-FFF2-40B4-BE49-F238E27FC236}">
                    <a16:creationId xmlns:a16="http://schemas.microsoft.com/office/drawing/2014/main" id="{87835481-635D-3DA4-FDA9-05C2B9315948}"/>
                  </a:ext>
                </a:extLst>
              </p:cNvPr>
              <p:cNvSpPr txBox="1"/>
              <p:nvPr/>
            </p:nvSpPr>
            <p:spPr>
              <a:xfrm>
                <a:off x="1391400" y="4060594"/>
                <a:ext cx="2202790" cy="583844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tx2"/>
                </a:solidFill>
                <a:prstDash val="dash"/>
              </a:ln>
            </p:spPr>
            <p:txBody>
              <a:bodyPr wrap="square" lIns="72000" tIns="36000" rIns="0" bIns="36000" rtlCol="0" anchor="t">
                <a:noAutofit/>
              </a:bodyPr>
              <a:lstStyle/>
              <a:p>
                <a:pPr algn="ctr">
                  <a:spcBef>
                    <a:spcPts val="300"/>
                  </a:spcBef>
                  <a:spcAft>
                    <a:spcPts val="300"/>
                  </a:spcAft>
                </a:pPr>
                <a:endParaRPr lang="da-DK" sz="1200" b="1">
                  <a:solidFill>
                    <a:schemeClr val="tx1"/>
                  </a:solidFill>
                </a:endParaRPr>
              </a:p>
            </p:txBody>
          </p:sp>
          <p:sp>
            <p:nvSpPr>
              <p:cNvPr id="44" name="Pil: pentagon 43">
                <a:extLst>
                  <a:ext uri="{FF2B5EF4-FFF2-40B4-BE49-F238E27FC236}">
                    <a16:creationId xmlns:a16="http://schemas.microsoft.com/office/drawing/2014/main" id="{3A4DFC9D-B709-82EB-5977-C85734F62AD4}"/>
                  </a:ext>
                </a:extLst>
              </p:cNvPr>
              <p:cNvSpPr/>
              <p:nvPr/>
            </p:nvSpPr>
            <p:spPr>
              <a:xfrm>
                <a:off x="1594343" y="4135271"/>
                <a:ext cx="1796903" cy="158141"/>
              </a:xfrm>
              <a:prstGeom prst="homePlate">
                <a:avLst/>
              </a:prstGeom>
              <a:solidFill>
                <a:schemeClr val="bg1">
                  <a:lumMod val="6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15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r>
                  <a:rPr lang="da-DK" sz="800" b="1"/>
                  <a:t>Uddannelsesadministrationen</a:t>
                </a:r>
              </a:p>
            </p:txBody>
          </p:sp>
          <p:sp>
            <p:nvSpPr>
              <p:cNvPr id="45" name="Pil: pentagon 44">
                <a:extLst>
                  <a:ext uri="{FF2B5EF4-FFF2-40B4-BE49-F238E27FC236}">
                    <a16:creationId xmlns:a16="http://schemas.microsoft.com/office/drawing/2014/main" id="{F16B5987-51BA-9013-D52B-126B2388388F}"/>
                  </a:ext>
                </a:extLst>
              </p:cNvPr>
              <p:cNvSpPr/>
              <p:nvPr/>
            </p:nvSpPr>
            <p:spPr>
              <a:xfrm>
                <a:off x="1594343" y="4417122"/>
                <a:ext cx="1796903" cy="158141"/>
              </a:xfrm>
              <a:prstGeom prst="homePlate">
                <a:avLst/>
              </a:prstGeom>
              <a:noFill/>
              <a:ln>
                <a:solidFill>
                  <a:schemeClr val="tx2"/>
                </a:solidFill>
                <a:prstDash val="dash"/>
              </a:ln>
            </p:spPr>
            <p:style>
              <a:lnRef idx="2">
                <a:schemeClr val="accent1">
                  <a:shade val="15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r>
                  <a:rPr lang="da-DK" sz="800" b="1">
                    <a:solidFill>
                      <a:schemeClr val="tx2"/>
                    </a:solidFill>
                  </a:rPr>
                  <a:t>Andre projekter</a:t>
                </a:r>
              </a:p>
            </p:txBody>
          </p:sp>
          <p:sp>
            <p:nvSpPr>
              <p:cNvPr id="46" name="Tekstfelt 45">
                <a:extLst>
                  <a:ext uri="{FF2B5EF4-FFF2-40B4-BE49-F238E27FC236}">
                    <a16:creationId xmlns:a16="http://schemas.microsoft.com/office/drawing/2014/main" id="{75FEDC87-4B30-1791-4D02-8019EEE50125}"/>
                  </a:ext>
                </a:extLst>
              </p:cNvPr>
              <p:cNvSpPr txBox="1"/>
              <p:nvPr/>
            </p:nvSpPr>
            <p:spPr>
              <a:xfrm>
                <a:off x="1612266" y="3880884"/>
                <a:ext cx="1796899" cy="17549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noAutofit/>
              </a:bodyPr>
              <a:lstStyle/>
              <a:p>
                <a:pPr algn="l">
                  <a:spcBef>
                    <a:spcPts val="300"/>
                  </a:spcBef>
                  <a:spcAft>
                    <a:spcPts val="300"/>
                  </a:spcAft>
                </a:pPr>
                <a:r>
                  <a:rPr lang="da-DK" sz="1200" b="1"/>
                  <a:t>Første forandringsbølge</a:t>
                </a:r>
              </a:p>
            </p:txBody>
          </p:sp>
        </p:grpSp>
        <p:grpSp>
          <p:nvGrpSpPr>
            <p:cNvPr id="14" name="Gruppe 13">
              <a:extLst>
                <a:ext uri="{FF2B5EF4-FFF2-40B4-BE49-F238E27FC236}">
                  <a16:creationId xmlns:a16="http://schemas.microsoft.com/office/drawing/2014/main" id="{BCE105B7-F494-143E-3D2C-21A1CA152B99}"/>
                </a:ext>
              </a:extLst>
            </p:cNvPr>
            <p:cNvGrpSpPr/>
            <p:nvPr/>
          </p:nvGrpSpPr>
          <p:grpSpPr>
            <a:xfrm>
              <a:off x="3516606" y="4054826"/>
              <a:ext cx="2202790" cy="763554"/>
              <a:chOff x="1391400" y="3880884"/>
              <a:chExt cx="2202790" cy="763554"/>
            </a:xfrm>
          </p:grpSpPr>
          <p:sp>
            <p:nvSpPr>
              <p:cNvPr id="39" name="Tekstfelt 38">
                <a:extLst>
                  <a:ext uri="{FF2B5EF4-FFF2-40B4-BE49-F238E27FC236}">
                    <a16:creationId xmlns:a16="http://schemas.microsoft.com/office/drawing/2014/main" id="{824B10CC-E4E9-0A23-25C7-1E97E8F111F4}"/>
                  </a:ext>
                </a:extLst>
              </p:cNvPr>
              <p:cNvSpPr txBox="1"/>
              <p:nvPr/>
            </p:nvSpPr>
            <p:spPr>
              <a:xfrm>
                <a:off x="1391400" y="4060594"/>
                <a:ext cx="2202790" cy="583844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tx2"/>
                </a:solidFill>
                <a:prstDash val="dash"/>
              </a:ln>
            </p:spPr>
            <p:txBody>
              <a:bodyPr wrap="square" lIns="72000" tIns="36000" rIns="0" bIns="36000" rtlCol="0" anchor="t">
                <a:noAutofit/>
              </a:bodyPr>
              <a:lstStyle/>
              <a:p>
                <a:pPr algn="ctr">
                  <a:spcBef>
                    <a:spcPts val="300"/>
                  </a:spcBef>
                  <a:spcAft>
                    <a:spcPts val="300"/>
                  </a:spcAft>
                </a:pPr>
                <a:endParaRPr lang="da-DK" sz="1200" b="1">
                  <a:solidFill>
                    <a:schemeClr val="tx1"/>
                  </a:solidFill>
                </a:endParaRPr>
              </a:p>
            </p:txBody>
          </p:sp>
          <p:sp>
            <p:nvSpPr>
              <p:cNvPr id="40" name="Pil: pentagon 39">
                <a:extLst>
                  <a:ext uri="{FF2B5EF4-FFF2-40B4-BE49-F238E27FC236}">
                    <a16:creationId xmlns:a16="http://schemas.microsoft.com/office/drawing/2014/main" id="{B0E01EFE-A59C-0D65-CCE3-5541C5FD3D7C}"/>
                  </a:ext>
                </a:extLst>
              </p:cNvPr>
              <p:cNvSpPr/>
              <p:nvPr/>
            </p:nvSpPr>
            <p:spPr>
              <a:xfrm>
                <a:off x="1594343" y="4135271"/>
                <a:ext cx="1796903" cy="158141"/>
              </a:xfrm>
              <a:prstGeom prst="homePlate">
                <a:avLst/>
              </a:prstGeom>
              <a:solidFill>
                <a:schemeClr val="bg1">
                  <a:lumMod val="6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15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r>
                  <a:rPr lang="da-DK" sz="800" b="1"/>
                  <a:t>Uddannelsesadministrationen</a:t>
                </a:r>
              </a:p>
            </p:txBody>
          </p:sp>
          <p:sp>
            <p:nvSpPr>
              <p:cNvPr id="41" name="Pil: pentagon 40">
                <a:extLst>
                  <a:ext uri="{FF2B5EF4-FFF2-40B4-BE49-F238E27FC236}">
                    <a16:creationId xmlns:a16="http://schemas.microsoft.com/office/drawing/2014/main" id="{1EBB2189-3327-F285-DD54-C1B6C979F79F}"/>
                  </a:ext>
                </a:extLst>
              </p:cNvPr>
              <p:cNvSpPr/>
              <p:nvPr/>
            </p:nvSpPr>
            <p:spPr>
              <a:xfrm>
                <a:off x="1594343" y="4417122"/>
                <a:ext cx="1796903" cy="158141"/>
              </a:xfrm>
              <a:prstGeom prst="homePlate">
                <a:avLst/>
              </a:prstGeom>
              <a:noFill/>
              <a:ln>
                <a:solidFill>
                  <a:schemeClr val="tx2"/>
                </a:solidFill>
                <a:prstDash val="dash"/>
              </a:ln>
            </p:spPr>
            <p:style>
              <a:lnRef idx="2">
                <a:schemeClr val="accent1">
                  <a:shade val="15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r>
                  <a:rPr lang="da-DK" sz="800" b="1">
                    <a:solidFill>
                      <a:schemeClr val="tx2"/>
                    </a:solidFill>
                  </a:rPr>
                  <a:t>Andre projekter</a:t>
                </a:r>
              </a:p>
            </p:txBody>
          </p:sp>
          <p:sp>
            <p:nvSpPr>
              <p:cNvPr id="42" name="Tekstfelt 41">
                <a:extLst>
                  <a:ext uri="{FF2B5EF4-FFF2-40B4-BE49-F238E27FC236}">
                    <a16:creationId xmlns:a16="http://schemas.microsoft.com/office/drawing/2014/main" id="{C016880D-7C69-7125-308E-4CD552E70E21}"/>
                  </a:ext>
                </a:extLst>
              </p:cNvPr>
              <p:cNvSpPr txBox="1"/>
              <p:nvPr/>
            </p:nvSpPr>
            <p:spPr>
              <a:xfrm>
                <a:off x="1612266" y="3880884"/>
                <a:ext cx="1796899" cy="17549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noAutofit/>
              </a:bodyPr>
              <a:lstStyle/>
              <a:p>
                <a:pPr algn="l">
                  <a:spcBef>
                    <a:spcPts val="300"/>
                  </a:spcBef>
                  <a:spcAft>
                    <a:spcPts val="300"/>
                  </a:spcAft>
                </a:pPr>
                <a:r>
                  <a:rPr lang="da-DK" sz="1200" b="1"/>
                  <a:t>Anden forandringsbølge</a:t>
                </a:r>
              </a:p>
            </p:txBody>
          </p:sp>
        </p:grpSp>
        <p:sp>
          <p:nvSpPr>
            <p:cNvPr id="17" name="Ligebenet trekant 16">
              <a:extLst>
                <a:ext uri="{FF2B5EF4-FFF2-40B4-BE49-F238E27FC236}">
                  <a16:creationId xmlns:a16="http://schemas.microsoft.com/office/drawing/2014/main" id="{4EC8FEF6-14B1-AC41-9874-84B54E53B99B}"/>
                </a:ext>
              </a:extLst>
            </p:cNvPr>
            <p:cNvSpPr/>
            <p:nvPr/>
          </p:nvSpPr>
          <p:spPr>
            <a:xfrm rot="10800000">
              <a:off x="3073832" y="5161003"/>
              <a:ext cx="130667" cy="105002"/>
            </a:xfrm>
            <a:prstGeom prst="triangle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18" name="Ellipse 17">
              <a:extLst>
                <a:ext uri="{FF2B5EF4-FFF2-40B4-BE49-F238E27FC236}">
                  <a16:creationId xmlns:a16="http://schemas.microsoft.com/office/drawing/2014/main" id="{C4C5DE9A-5AB1-9C61-88FA-E78E0D23E077}"/>
                </a:ext>
              </a:extLst>
            </p:cNvPr>
            <p:cNvSpPr/>
            <p:nvPr/>
          </p:nvSpPr>
          <p:spPr>
            <a:xfrm rot="10800000">
              <a:off x="1157539" y="5134101"/>
              <a:ext cx="130667" cy="130746"/>
            </a:xfrm>
            <a:prstGeom prst="ellipse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21" name="Ligebenet trekant 20">
              <a:extLst>
                <a:ext uri="{FF2B5EF4-FFF2-40B4-BE49-F238E27FC236}">
                  <a16:creationId xmlns:a16="http://schemas.microsoft.com/office/drawing/2014/main" id="{2425B80E-F349-852A-D311-3863C8A36B27}"/>
                </a:ext>
              </a:extLst>
            </p:cNvPr>
            <p:cNvSpPr/>
            <p:nvPr/>
          </p:nvSpPr>
          <p:spPr>
            <a:xfrm rot="10800000">
              <a:off x="5493652" y="4489427"/>
              <a:ext cx="130667" cy="105002"/>
            </a:xfrm>
            <a:prstGeom prst="triangle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22" name="Ellipse 21">
              <a:extLst>
                <a:ext uri="{FF2B5EF4-FFF2-40B4-BE49-F238E27FC236}">
                  <a16:creationId xmlns:a16="http://schemas.microsoft.com/office/drawing/2014/main" id="{3717C47C-04CA-90DE-76F7-DEDFA9549876}"/>
                </a:ext>
              </a:extLst>
            </p:cNvPr>
            <p:cNvSpPr/>
            <p:nvPr/>
          </p:nvSpPr>
          <p:spPr>
            <a:xfrm rot="10800000">
              <a:off x="3552744" y="4465338"/>
              <a:ext cx="130667" cy="130746"/>
            </a:xfrm>
            <a:prstGeom prst="ellipse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23" name="Ellipse 22">
              <a:extLst>
                <a:ext uri="{FF2B5EF4-FFF2-40B4-BE49-F238E27FC236}">
                  <a16:creationId xmlns:a16="http://schemas.microsoft.com/office/drawing/2014/main" id="{55294B88-7DC8-326B-FC03-717879B933B7}"/>
                </a:ext>
              </a:extLst>
            </p:cNvPr>
            <p:cNvSpPr/>
            <p:nvPr/>
          </p:nvSpPr>
          <p:spPr>
            <a:xfrm rot="10800000">
              <a:off x="6017253" y="3806472"/>
              <a:ext cx="130667" cy="130746"/>
            </a:xfrm>
            <a:prstGeom prst="ellipse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24" name="Ligebenet trekant 23">
              <a:extLst>
                <a:ext uri="{FF2B5EF4-FFF2-40B4-BE49-F238E27FC236}">
                  <a16:creationId xmlns:a16="http://schemas.microsoft.com/office/drawing/2014/main" id="{06C68C50-134D-C888-4286-D554122367F1}"/>
                </a:ext>
              </a:extLst>
            </p:cNvPr>
            <p:cNvSpPr/>
            <p:nvPr/>
          </p:nvSpPr>
          <p:spPr>
            <a:xfrm rot="10800000">
              <a:off x="7925823" y="3825872"/>
              <a:ext cx="130667" cy="105002"/>
            </a:xfrm>
            <a:prstGeom prst="triangle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26" name="Ellipse 25">
              <a:extLst>
                <a:ext uri="{FF2B5EF4-FFF2-40B4-BE49-F238E27FC236}">
                  <a16:creationId xmlns:a16="http://schemas.microsoft.com/office/drawing/2014/main" id="{1E7B89F9-9352-53EE-DB8A-0FEDB7F1C5D3}"/>
                </a:ext>
              </a:extLst>
            </p:cNvPr>
            <p:cNvSpPr/>
            <p:nvPr/>
          </p:nvSpPr>
          <p:spPr>
            <a:xfrm rot="10800000">
              <a:off x="8349132" y="3141201"/>
              <a:ext cx="130667" cy="130746"/>
            </a:xfrm>
            <a:prstGeom prst="ellipse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</p:grpSp>
      <p:sp>
        <p:nvSpPr>
          <p:cNvPr id="48" name="Ligebenet trekant 47">
            <a:extLst>
              <a:ext uri="{FF2B5EF4-FFF2-40B4-BE49-F238E27FC236}">
                <a16:creationId xmlns:a16="http://schemas.microsoft.com/office/drawing/2014/main" id="{F1A8B0F9-AEE9-D214-1829-63258849DF67}"/>
              </a:ext>
            </a:extLst>
          </p:cNvPr>
          <p:cNvSpPr/>
          <p:nvPr/>
        </p:nvSpPr>
        <p:spPr>
          <a:xfrm flipV="1">
            <a:off x="3007629" y="4361387"/>
            <a:ext cx="281927" cy="207383"/>
          </a:xfrm>
          <a:prstGeom prst="triangle">
            <a:avLst/>
          </a:prstGeom>
          <a:solidFill>
            <a:schemeClr val="bg1">
              <a:lumMod val="65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9" name="Ligebenet trekant 48">
            <a:extLst>
              <a:ext uri="{FF2B5EF4-FFF2-40B4-BE49-F238E27FC236}">
                <a16:creationId xmlns:a16="http://schemas.microsoft.com/office/drawing/2014/main" id="{31A6F806-F880-0167-14E9-10FA7821BA30}"/>
              </a:ext>
            </a:extLst>
          </p:cNvPr>
          <p:cNvSpPr/>
          <p:nvPr/>
        </p:nvSpPr>
        <p:spPr>
          <a:xfrm flipV="1">
            <a:off x="5433389" y="3008509"/>
            <a:ext cx="281927" cy="207383"/>
          </a:xfrm>
          <a:prstGeom prst="triangle">
            <a:avLst/>
          </a:prstGeom>
          <a:solidFill>
            <a:schemeClr val="bg1">
              <a:lumMod val="65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0" name="Ligebenet trekant 49">
            <a:extLst>
              <a:ext uri="{FF2B5EF4-FFF2-40B4-BE49-F238E27FC236}">
                <a16:creationId xmlns:a16="http://schemas.microsoft.com/office/drawing/2014/main" id="{A045AC96-CDBB-CDD1-B8AB-BB36DED3CBEB}"/>
              </a:ext>
            </a:extLst>
          </p:cNvPr>
          <p:cNvSpPr/>
          <p:nvPr/>
        </p:nvSpPr>
        <p:spPr>
          <a:xfrm flipV="1">
            <a:off x="7814235" y="3040115"/>
            <a:ext cx="281927" cy="207383"/>
          </a:xfrm>
          <a:prstGeom prst="triangle">
            <a:avLst/>
          </a:prstGeom>
          <a:solidFill>
            <a:schemeClr val="bg1">
              <a:lumMod val="65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54" name="Lige forbindelse 53">
            <a:extLst>
              <a:ext uri="{FF2B5EF4-FFF2-40B4-BE49-F238E27FC236}">
                <a16:creationId xmlns:a16="http://schemas.microsoft.com/office/drawing/2014/main" id="{DF1C97D1-C581-9F92-623F-F072889B8E5B}"/>
              </a:ext>
            </a:extLst>
          </p:cNvPr>
          <p:cNvCxnSpPr>
            <a:cxnSpLocks/>
            <a:stCxn id="55" idx="0"/>
            <a:endCxn id="48" idx="0"/>
          </p:cNvCxnSpPr>
          <p:nvPr/>
        </p:nvCxnSpPr>
        <p:spPr>
          <a:xfrm flipH="1" flipV="1">
            <a:off x="3148593" y="4568770"/>
            <a:ext cx="6570" cy="1179324"/>
          </a:xfrm>
          <a:prstGeom prst="line">
            <a:avLst/>
          </a:prstGeom>
          <a:ln w="952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5" name="Rektangel 54">
            <a:extLst>
              <a:ext uri="{FF2B5EF4-FFF2-40B4-BE49-F238E27FC236}">
                <a16:creationId xmlns:a16="http://schemas.microsoft.com/office/drawing/2014/main" id="{7FB31A29-5DBC-5C63-D224-EDD75EB1D8C2}"/>
              </a:ext>
            </a:extLst>
          </p:cNvPr>
          <p:cNvSpPr/>
          <p:nvPr/>
        </p:nvSpPr>
        <p:spPr>
          <a:xfrm>
            <a:off x="3014095" y="5748094"/>
            <a:ext cx="282135" cy="163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1000">
                <a:solidFill>
                  <a:schemeClr val="bg1">
                    <a:lumMod val="50000"/>
                  </a:schemeClr>
                </a:solidFill>
              </a:rPr>
              <a:t>T1</a:t>
            </a:r>
          </a:p>
        </p:txBody>
      </p:sp>
      <p:cxnSp>
        <p:nvCxnSpPr>
          <p:cNvPr id="56" name="Lige forbindelse 55">
            <a:extLst>
              <a:ext uri="{FF2B5EF4-FFF2-40B4-BE49-F238E27FC236}">
                <a16:creationId xmlns:a16="http://schemas.microsoft.com/office/drawing/2014/main" id="{DC696DCE-88CF-2611-525C-8CAC9F501B8B}"/>
              </a:ext>
            </a:extLst>
          </p:cNvPr>
          <p:cNvCxnSpPr>
            <a:cxnSpLocks/>
          </p:cNvCxnSpPr>
          <p:nvPr/>
        </p:nvCxnSpPr>
        <p:spPr>
          <a:xfrm flipV="1">
            <a:off x="5574414" y="3909161"/>
            <a:ext cx="20788" cy="1820805"/>
          </a:xfrm>
          <a:prstGeom prst="line">
            <a:avLst/>
          </a:prstGeom>
          <a:ln w="952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7" name="Rektangel 56">
            <a:extLst>
              <a:ext uri="{FF2B5EF4-FFF2-40B4-BE49-F238E27FC236}">
                <a16:creationId xmlns:a16="http://schemas.microsoft.com/office/drawing/2014/main" id="{EDFCB4EB-9AE4-3C5B-DF0F-08A23DE5DA52}"/>
              </a:ext>
            </a:extLst>
          </p:cNvPr>
          <p:cNvSpPr/>
          <p:nvPr/>
        </p:nvSpPr>
        <p:spPr>
          <a:xfrm>
            <a:off x="5423816" y="5739359"/>
            <a:ext cx="282135" cy="163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1000">
                <a:solidFill>
                  <a:schemeClr val="bg1">
                    <a:lumMod val="50000"/>
                  </a:schemeClr>
                </a:solidFill>
              </a:rPr>
              <a:t>T2</a:t>
            </a:r>
          </a:p>
        </p:txBody>
      </p:sp>
      <p:sp>
        <p:nvSpPr>
          <p:cNvPr id="59" name="Rektangel 58">
            <a:extLst>
              <a:ext uri="{FF2B5EF4-FFF2-40B4-BE49-F238E27FC236}">
                <a16:creationId xmlns:a16="http://schemas.microsoft.com/office/drawing/2014/main" id="{EF1B1BC4-CC2E-61BA-16F8-338D121924AC}"/>
              </a:ext>
            </a:extLst>
          </p:cNvPr>
          <p:cNvSpPr/>
          <p:nvPr/>
        </p:nvSpPr>
        <p:spPr>
          <a:xfrm>
            <a:off x="7848458" y="5738648"/>
            <a:ext cx="282135" cy="163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1000">
                <a:solidFill>
                  <a:schemeClr val="bg1">
                    <a:lumMod val="50000"/>
                  </a:schemeClr>
                </a:solidFill>
              </a:rPr>
              <a:t>T3</a:t>
            </a:r>
          </a:p>
        </p:txBody>
      </p:sp>
      <p:cxnSp>
        <p:nvCxnSpPr>
          <p:cNvPr id="60" name="Lige forbindelse 59">
            <a:extLst>
              <a:ext uri="{FF2B5EF4-FFF2-40B4-BE49-F238E27FC236}">
                <a16:creationId xmlns:a16="http://schemas.microsoft.com/office/drawing/2014/main" id="{4D8D1464-711A-1551-A042-43C864B53E37}"/>
              </a:ext>
            </a:extLst>
          </p:cNvPr>
          <p:cNvCxnSpPr>
            <a:cxnSpLocks/>
            <a:stCxn id="61" idx="0"/>
          </p:cNvCxnSpPr>
          <p:nvPr/>
        </p:nvCxnSpPr>
        <p:spPr>
          <a:xfrm flipH="1" flipV="1">
            <a:off x="761762" y="5245422"/>
            <a:ext cx="9429" cy="493937"/>
          </a:xfrm>
          <a:prstGeom prst="line">
            <a:avLst/>
          </a:prstGeom>
          <a:ln w="952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Rektangel 60">
            <a:extLst>
              <a:ext uri="{FF2B5EF4-FFF2-40B4-BE49-F238E27FC236}">
                <a16:creationId xmlns:a16="http://schemas.microsoft.com/office/drawing/2014/main" id="{B954B36A-D04F-69D9-21BE-E77D3F8A1E06}"/>
              </a:ext>
            </a:extLst>
          </p:cNvPr>
          <p:cNvSpPr/>
          <p:nvPr/>
        </p:nvSpPr>
        <p:spPr>
          <a:xfrm>
            <a:off x="630123" y="5739359"/>
            <a:ext cx="282135" cy="163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1000">
                <a:solidFill>
                  <a:schemeClr val="bg1">
                    <a:lumMod val="50000"/>
                  </a:schemeClr>
                </a:solidFill>
              </a:rPr>
              <a:t>T0</a:t>
            </a:r>
          </a:p>
        </p:txBody>
      </p:sp>
      <p:sp>
        <p:nvSpPr>
          <p:cNvPr id="65" name="Rectangle 64">
            <a:extLst>
              <a:ext uri="{FF2B5EF4-FFF2-40B4-BE49-F238E27FC236}">
                <a16:creationId xmlns:a16="http://schemas.microsoft.com/office/drawing/2014/main" id="{B08558E0-47C8-33CB-E51A-8B724F85914F}"/>
              </a:ext>
            </a:extLst>
          </p:cNvPr>
          <p:cNvSpPr/>
          <p:nvPr/>
        </p:nvSpPr>
        <p:spPr>
          <a:xfrm>
            <a:off x="5574414" y="3766058"/>
            <a:ext cx="3136441" cy="1157424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Fælles processer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478C27F2-C514-D185-6FB0-95CF0AB0DB26}"/>
              </a:ext>
            </a:extLst>
          </p:cNvPr>
          <p:cNvSpPr/>
          <p:nvPr/>
        </p:nvSpPr>
        <p:spPr>
          <a:xfrm>
            <a:off x="762378" y="4118636"/>
            <a:ext cx="4793693" cy="1570063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Ændringer i organisering af uddannelsesadministrative opgaver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8B486E60-A80A-F667-A2C2-02062B47D80D}"/>
              </a:ext>
            </a:extLst>
          </p:cNvPr>
          <p:cNvSpPr txBox="1"/>
          <p:nvPr/>
        </p:nvSpPr>
        <p:spPr>
          <a:xfrm>
            <a:off x="4678036" y="6161812"/>
            <a:ext cx="239041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/>
              <a:t>‘Go Live’ </a:t>
            </a:r>
            <a:r>
              <a:rPr lang="da-DK" sz="1600"/>
              <a:t>1. januar 2026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4D3C06C4-C649-B7AE-4F86-4B2D850BAB2C}"/>
              </a:ext>
            </a:extLst>
          </p:cNvPr>
          <p:cNvCxnSpPr>
            <a:cxnSpLocks/>
          </p:cNvCxnSpPr>
          <p:nvPr/>
        </p:nvCxnSpPr>
        <p:spPr>
          <a:xfrm flipV="1">
            <a:off x="10459488" y="5702316"/>
            <a:ext cx="1404293" cy="6384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020BFC84-EA91-522B-00C1-ACDFA5155F2C}"/>
              </a:ext>
            </a:extLst>
          </p:cNvPr>
          <p:cNvSpPr txBox="1"/>
          <p:nvPr/>
        </p:nvSpPr>
        <p:spPr>
          <a:xfrm>
            <a:off x="10016221" y="6235860"/>
            <a:ext cx="239041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/>
              <a:t>‘Go Live’ </a:t>
            </a:r>
            <a:r>
              <a:rPr lang="da-DK" sz="1600"/>
              <a:t>1. marts 2028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3C5F2EE-68F2-3278-CBEF-D65C6EF52810}"/>
              </a:ext>
            </a:extLst>
          </p:cNvPr>
          <p:cNvSpPr/>
          <p:nvPr/>
        </p:nvSpPr>
        <p:spPr>
          <a:xfrm>
            <a:off x="7097788" y="2665033"/>
            <a:ext cx="3295633" cy="1087729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Implementering af </a:t>
            </a:r>
            <a:r>
              <a:rPr lang="da-DK" sz="1600" err="1">
                <a:solidFill>
                  <a:schemeClr val="tx1"/>
                </a:solidFill>
              </a:rPr>
              <a:t>Eduhub</a:t>
            </a:r>
            <a:endParaRPr lang="da-DK" sz="1600">
              <a:solidFill>
                <a:schemeClr val="tx1"/>
              </a:solidFill>
            </a:endParaRP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F9189B50-A97D-5CEF-838A-23D317F76CFF}"/>
              </a:ext>
            </a:extLst>
          </p:cNvPr>
          <p:cNvCxnSpPr>
            <a:cxnSpLocks/>
          </p:cNvCxnSpPr>
          <p:nvPr/>
        </p:nvCxnSpPr>
        <p:spPr>
          <a:xfrm>
            <a:off x="10393047" y="2140406"/>
            <a:ext cx="1" cy="3909159"/>
          </a:xfrm>
          <a:prstGeom prst="straightConnector1">
            <a:avLst/>
          </a:prstGeom>
          <a:ln w="15875">
            <a:solidFill>
              <a:schemeClr val="tx1"/>
            </a:solidFill>
            <a:prstDash val="solid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Ligebenet trekant 48">
            <a:extLst>
              <a:ext uri="{FF2B5EF4-FFF2-40B4-BE49-F238E27FC236}">
                <a16:creationId xmlns:a16="http://schemas.microsoft.com/office/drawing/2014/main" id="{5ED118B3-A7E1-6CAB-0CF6-3A77EAA8822D}"/>
              </a:ext>
            </a:extLst>
          </p:cNvPr>
          <p:cNvSpPr/>
          <p:nvPr/>
        </p:nvSpPr>
        <p:spPr>
          <a:xfrm flipV="1">
            <a:off x="10252083" y="1969602"/>
            <a:ext cx="281927" cy="198244"/>
          </a:xfrm>
          <a:prstGeom prst="triangle">
            <a:avLst/>
          </a:prstGeom>
          <a:solidFill>
            <a:schemeClr val="bg1">
              <a:lumMod val="65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7D936FA1-4E8E-B4C2-CC94-7E9AC0FE34F6}"/>
              </a:ext>
            </a:extLst>
          </p:cNvPr>
          <p:cNvSpPr/>
          <p:nvPr/>
        </p:nvSpPr>
        <p:spPr>
          <a:xfrm>
            <a:off x="780620" y="3909161"/>
            <a:ext cx="4773006" cy="2207000"/>
          </a:xfrm>
          <a:prstGeom prst="ellipse">
            <a:avLst/>
          </a:prstGeom>
          <a:noFill/>
          <a:ln w="28575"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err="1"/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2AB2FD5-A17F-3E3C-6CBA-BF3BB0D5D6FD}"/>
              </a:ext>
            </a:extLst>
          </p:cNvPr>
          <p:cNvSpPr/>
          <p:nvPr/>
        </p:nvSpPr>
        <p:spPr>
          <a:xfrm>
            <a:off x="10393047" y="1759891"/>
            <a:ext cx="1814416" cy="902480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>
            <a:solidFill>
              <a:schemeClr val="tx1"/>
            </a:solidFill>
            <a:prstDash val="lg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Fortsat opbygning af kapabiliteter</a:t>
            </a:r>
          </a:p>
        </p:txBody>
      </p:sp>
    </p:spTree>
    <p:extLst>
      <p:ext uri="{BB962C8B-B14F-4D97-AF65-F5344CB8AC3E}">
        <p14:creationId xmlns:p14="http://schemas.microsoft.com/office/powerpoint/2010/main" val="8761304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0" grpId="0"/>
      <p:bldP spid="19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66047AF-6D7A-1969-B1E2-3E84AC2C059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Pil: opadgående-nedadgående 26">
            <a:extLst>
              <a:ext uri="{FF2B5EF4-FFF2-40B4-BE49-F238E27FC236}">
                <a16:creationId xmlns:a16="http://schemas.microsoft.com/office/drawing/2014/main" id="{4F7756D3-5FEC-B122-6190-DE9F96DDECBC}"/>
              </a:ext>
            </a:extLst>
          </p:cNvPr>
          <p:cNvSpPr/>
          <p:nvPr/>
        </p:nvSpPr>
        <p:spPr>
          <a:xfrm>
            <a:off x="5136471" y="658971"/>
            <a:ext cx="484632" cy="5965360"/>
          </a:xfrm>
          <a:prstGeom prst="upDownArrow">
            <a:avLst/>
          </a:prstGeom>
          <a:solidFill>
            <a:schemeClr val="bg1">
              <a:lumMod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err="1"/>
          </a:p>
        </p:txBody>
      </p:sp>
      <p:graphicFrame>
        <p:nvGraphicFramePr>
          <p:cNvPr id="6" name="Content Placeholder 5">
            <a:extLst>
              <a:ext uri="{FF2B5EF4-FFF2-40B4-BE49-F238E27FC236}">
                <a16:creationId xmlns:a16="http://schemas.microsoft.com/office/drawing/2014/main" id="{BC7C611E-0268-DAE4-CC6E-4F15AC4E9692}"/>
              </a:ext>
            </a:extLst>
          </p:cNvPr>
          <p:cNvGraphicFramePr>
            <a:graphicFrameLocks noGrp="1"/>
          </p:cNvGraphicFramePr>
          <p:nvPr>
            <p:ph sz="quarter" idx="15"/>
            <p:extLst>
              <p:ext uri="{D42A27DB-BD31-4B8C-83A1-F6EECF244321}">
                <p14:modId xmlns:p14="http://schemas.microsoft.com/office/powerpoint/2010/main" val="2272694791"/>
              </p:ext>
            </p:extLst>
          </p:nvPr>
        </p:nvGraphicFramePr>
        <p:xfrm>
          <a:off x="3373295" y="1000125"/>
          <a:ext cx="4026435" cy="485298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265724C-B84F-8454-B744-8DC0FD29E13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746DEAA-BE31-43D2-BFCE-D33EEFDD4F5E}" type="datetime1">
              <a:rPr lang="da-DK" smtClean="0"/>
              <a:t>06-03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FF04AB-CF1E-252B-F4CB-74000ABE71D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E57360A-DC56-1B34-27ED-CD2B85279647}"/>
              </a:ext>
            </a:extLst>
          </p:cNvPr>
          <p:cNvSpPr txBox="1"/>
          <p:nvPr/>
        </p:nvSpPr>
        <p:spPr>
          <a:xfrm>
            <a:off x="3361108" y="6005830"/>
            <a:ext cx="4026436" cy="272415"/>
          </a:xfrm>
          <a:prstGeom prst="roundRect">
            <a:avLst/>
          </a:prstGeom>
          <a:solidFill>
            <a:schemeClr val="bg1"/>
          </a:solidFill>
          <a:ln>
            <a:solidFill>
              <a:schemeClr val="accent6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600"/>
              <a:t>Projektkontor/Projektledelse</a:t>
            </a: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9EEB6EF3-D45B-5726-19DD-B1C3999185A3}"/>
              </a:ext>
            </a:extLst>
          </p:cNvPr>
          <p:cNvSpPr/>
          <p:nvPr/>
        </p:nvSpPr>
        <p:spPr>
          <a:xfrm>
            <a:off x="7465871" y="1928534"/>
            <a:ext cx="1410984" cy="1270255"/>
          </a:xfrm>
          <a:prstGeom prst="ellipse">
            <a:avLst/>
          </a:prstGeom>
          <a:solidFill>
            <a:prstClr val="white">
              <a:hueOff val="0"/>
              <a:satOff val="0"/>
              <a:lumOff val="0"/>
              <a:alphaOff val="0"/>
            </a:prstClr>
          </a:solidFill>
          <a:ln w="19050" cap="flat" cmpd="sng" algn="ctr">
            <a:solidFill>
              <a:srgbClr val="D05A57">
                <a:shade val="80000"/>
                <a:hueOff val="0"/>
                <a:satOff val="0"/>
                <a:lumOff val="0"/>
                <a:alphaOff val="0"/>
              </a:srgbClr>
            </a:solidFill>
            <a:prstDash val="solid"/>
            <a:miter lim="800000"/>
          </a:ln>
          <a:effectLst/>
        </p:spPr>
        <p:txBody>
          <a:bodyPr spcFirstLastPara="0" vert="horz" wrap="square" lIns="45720" tIns="45720" rIns="45720" bIns="45720" numCol="1" spcCol="1270" anchor="ctr" anchorCtr="0">
            <a:noAutofit/>
          </a:bodyPr>
          <a:lstStyle/>
          <a:p>
            <a:pPr algn="ctr"/>
            <a:r>
              <a:rPr lang="da-DK" sz="1200" err="1"/>
              <a:t>Uddannelses-råd</a:t>
            </a:r>
            <a:endParaRPr lang="da-DK" sz="1200"/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CEE8B73F-14B0-6111-E855-45AD161D5C8A}"/>
              </a:ext>
            </a:extLst>
          </p:cNvPr>
          <p:cNvSpPr/>
          <p:nvPr/>
        </p:nvSpPr>
        <p:spPr>
          <a:xfrm>
            <a:off x="7465871" y="3231744"/>
            <a:ext cx="1410984" cy="1270255"/>
          </a:xfrm>
          <a:prstGeom prst="ellipse">
            <a:avLst/>
          </a:prstGeom>
          <a:solidFill>
            <a:prstClr val="white">
              <a:hueOff val="0"/>
              <a:satOff val="0"/>
              <a:lumOff val="0"/>
              <a:alphaOff val="0"/>
            </a:prstClr>
          </a:solidFill>
          <a:ln w="19050" cap="flat" cmpd="sng" algn="ctr">
            <a:solidFill>
              <a:srgbClr val="D05A57">
                <a:shade val="80000"/>
                <a:hueOff val="0"/>
                <a:satOff val="0"/>
                <a:lumOff val="0"/>
                <a:alphaOff val="0"/>
              </a:srgbClr>
            </a:solidFill>
            <a:prstDash val="solid"/>
            <a:miter lim="800000"/>
          </a:ln>
          <a:effectLst/>
        </p:spPr>
        <p:txBody>
          <a:bodyPr spcFirstLastPara="0" vert="horz" wrap="square" lIns="45720" tIns="45720" rIns="45720" bIns="45720" numCol="1" spcCol="1270" anchor="ctr" anchorCtr="0">
            <a:noAutofit/>
          </a:bodyPr>
          <a:lstStyle/>
          <a:p>
            <a:pPr algn="ctr"/>
            <a:r>
              <a:rPr lang="da-DK" sz="1200" err="1">
                <a:solidFill>
                  <a:schemeClr val="tx1"/>
                </a:solidFill>
              </a:rPr>
              <a:t>Samarbejds-udvalg</a:t>
            </a:r>
            <a:endParaRPr lang="da-DK" sz="1200">
              <a:solidFill>
                <a:schemeClr val="tx1"/>
              </a:solidFill>
            </a:endParaRP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5543BC32-88E2-6E0F-3666-C02BEAB95C6E}"/>
              </a:ext>
            </a:extLst>
          </p:cNvPr>
          <p:cNvSpPr/>
          <p:nvPr/>
        </p:nvSpPr>
        <p:spPr>
          <a:xfrm>
            <a:off x="7465871" y="4534954"/>
            <a:ext cx="1410984" cy="1270255"/>
          </a:xfrm>
          <a:prstGeom prst="ellipse">
            <a:avLst/>
          </a:prstGeom>
          <a:solidFill>
            <a:prstClr val="white">
              <a:hueOff val="0"/>
              <a:satOff val="0"/>
              <a:lumOff val="0"/>
              <a:alphaOff val="0"/>
            </a:prstClr>
          </a:solidFill>
          <a:ln w="19050" cap="flat" cmpd="sng" algn="ctr">
            <a:solidFill>
              <a:srgbClr val="D05A57">
                <a:shade val="80000"/>
                <a:hueOff val="0"/>
                <a:satOff val="0"/>
                <a:lumOff val="0"/>
                <a:alphaOff val="0"/>
              </a:srgbClr>
            </a:solidFill>
            <a:prstDash val="solid"/>
            <a:miter lim="800000"/>
          </a:ln>
          <a:effectLst/>
        </p:spPr>
        <p:txBody>
          <a:bodyPr spcFirstLastPara="0" vert="horz" wrap="square" lIns="45720" tIns="45720" rIns="45720" bIns="45720" numCol="1" spcCol="1270" anchor="ctr" anchorCtr="0">
            <a:noAutofit/>
          </a:bodyPr>
          <a:lstStyle/>
          <a:p>
            <a:pPr algn="ctr"/>
            <a:r>
              <a:rPr lang="da-DK" sz="1200">
                <a:solidFill>
                  <a:schemeClr val="tx1"/>
                </a:solidFill>
              </a:rPr>
              <a:t>Studerende</a:t>
            </a: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8155DF3B-4C7E-43FD-60C0-50BB3B3D9AAF}"/>
              </a:ext>
            </a:extLst>
          </p:cNvPr>
          <p:cNvSpPr/>
          <p:nvPr/>
        </p:nvSpPr>
        <p:spPr>
          <a:xfrm>
            <a:off x="7440826" y="1006605"/>
            <a:ext cx="1477125" cy="5271640"/>
          </a:xfrm>
          <a:prstGeom prst="roundRect">
            <a:avLst/>
          </a:prstGeom>
          <a:noFill/>
          <a:ln w="12700" cap="flat" cmpd="sng" algn="ctr">
            <a:solidFill>
              <a:srgbClr val="D05A57">
                <a:shade val="80000"/>
                <a:hueOff val="0"/>
                <a:satOff val="0"/>
                <a:lumOff val="0"/>
                <a:alphaOff val="0"/>
              </a:srgbClr>
            </a:solidFill>
            <a:prstDash val="dash"/>
            <a:miter lim="800000"/>
          </a:ln>
          <a:effectLst/>
        </p:spPr>
        <p:txBody>
          <a:bodyPr spcFirstLastPara="0" vert="horz" wrap="square" lIns="167640" tIns="72000" rIns="167640" bIns="167640" numCol="1" spcCol="1270" anchor="t" anchorCtr="0">
            <a:noAutofit/>
          </a:bodyPr>
          <a:lstStyle/>
          <a:p>
            <a:pPr algn="ctr"/>
            <a:r>
              <a:rPr lang="da-DK" sz="1600"/>
              <a:t>Involvering</a:t>
            </a:r>
          </a:p>
        </p:txBody>
      </p:sp>
    </p:spTree>
    <p:extLst>
      <p:ext uri="{BB962C8B-B14F-4D97-AF65-F5344CB8AC3E}">
        <p14:creationId xmlns:p14="http://schemas.microsoft.com/office/powerpoint/2010/main" val="63448583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02C0D15-FFA0-D3BD-51F7-90165464A8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429156"/>
            <a:ext cx="10962000" cy="671967"/>
          </a:xfrm>
        </p:spPr>
        <p:txBody>
          <a:bodyPr/>
          <a:lstStyle/>
          <a:p>
            <a:r>
              <a:rPr lang="da-DK" dirty="0"/>
              <a:t>Vis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DCBB57-2E76-633B-4140-7A8EB491F11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E3EC873-86F7-4964-81ED-0A1605EA44DC}" type="datetime1">
              <a:rPr lang="da-DK" smtClean="0"/>
              <a:t>06-03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2EDB755-5672-9E7C-56F3-93AE002EE6D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272CB1A-3007-3DAC-70DB-AC9C2E51298B}"/>
              </a:ext>
            </a:extLst>
          </p:cNvPr>
          <p:cNvSpPr txBox="1"/>
          <p:nvPr/>
        </p:nvSpPr>
        <p:spPr>
          <a:xfrm>
            <a:off x="2534995" y="997565"/>
            <a:ext cx="6712809" cy="2431435"/>
          </a:xfrm>
          <a:prstGeom prst="rect">
            <a:avLst/>
          </a:prstGeom>
          <a:noFill/>
          <a:ln w="28575">
            <a:solidFill>
              <a:schemeClr val="accent6">
                <a:lumMod val="75000"/>
              </a:schemeClr>
            </a:solidFill>
            <a:extLst>
              <a:ext uri="{C807C97D-BFC1-408E-A445-0C87EB9F89A2}">
                <ask:lineSketchStyleProps xmlns:ask="http://schemas.microsoft.com/office/drawing/2018/sketchyshapes" sd="3999110317">
                  <a:custGeom>
                    <a:avLst/>
                    <a:gdLst>
                      <a:gd name="connsiteX0" fmla="*/ 0 w 6712809"/>
                      <a:gd name="connsiteY0" fmla="*/ 0 h 2431435"/>
                      <a:gd name="connsiteX1" fmla="*/ 604153 w 6712809"/>
                      <a:gd name="connsiteY1" fmla="*/ 0 h 2431435"/>
                      <a:gd name="connsiteX2" fmla="*/ 1208306 w 6712809"/>
                      <a:gd name="connsiteY2" fmla="*/ 0 h 2431435"/>
                      <a:gd name="connsiteX3" fmla="*/ 2013843 w 6712809"/>
                      <a:gd name="connsiteY3" fmla="*/ 0 h 2431435"/>
                      <a:gd name="connsiteX4" fmla="*/ 2819380 w 6712809"/>
                      <a:gd name="connsiteY4" fmla="*/ 0 h 2431435"/>
                      <a:gd name="connsiteX5" fmla="*/ 3557789 w 6712809"/>
                      <a:gd name="connsiteY5" fmla="*/ 0 h 2431435"/>
                      <a:gd name="connsiteX6" fmla="*/ 4027685 w 6712809"/>
                      <a:gd name="connsiteY6" fmla="*/ 0 h 2431435"/>
                      <a:gd name="connsiteX7" fmla="*/ 4833222 w 6712809"/>
                      <a:gd name="connsiteY7" fmla="*/ 0 h 2431435"/>
                      <a:gd name="connsiteX8" fmla="*/ 5303119 w 6712809"/>
                      <a:gd name="connsiteY8" fmla="*/ 0 h 2431435"/>
                      <a:gd name="connsiteX9" fmla="*/ 5907272 w 6712809"/>
                      <a:gd name="connsiteY9" fmla="*/ 0 h 2431435"/>
                      <a:gd name="connsiteX10" fmla="*/ 6712809 w 6712809"/>
                      <a:gd name="connsiteY10" fmla="*/ 0 h 2431435"/>
                      <a:gd name="connsiteX11" fmla="*/ 6712809 w 6712809"/>
                      <a:gd name="connsiteY11" fmla="*/ 583544 h 2431435"/>
                      <a:gd name="connsiteX12" fmla="*/ 6712809 w 6712809"/>
                      <a:gd name="connsiteY12" fmla="*/ 1142774 h 2431435"/>
                      <a:gd name="connsiteX13" fmla="*/ 6712809 w 6712809"/>
                      <a:gd name="connsiteY13" fmla="*/ 1726319 h 2431435"/>
                      <a:gd name="connsiteX14" fmla="*/ 6712809 w 6712809"/>
                      <a:gd name="connsiteY14" fmla="*/ 2431435 h 2431435"/>
                      <a:gd name="connsiteX15" fmla="*/ 5974400 w 6712809"/>
                      <a:gd name="connsiteY15" fmla="*/ 2431435 h 2431435"/>
                      <a:gd name="connsiteX16" fmla="*/ 5370247 w 6712809"/>
                      <a:gd name="connsiteY16" fmla="*/ 2431435 h 2431435"/>
                      <a:gd name="connsiteX17" fmla="*/ 4900351 w 6712809"/>
                      <a:gd name="connsiteY17" fmla="*/ 2431435 h 2431435"/>
                      <a:gd name="connsiteX18" fmla="*/ 4229070 w 6712809"/>
                      <a:gd name="connsiteY18" fmla="*/ 2431435 h 2431435"/>
                      <a:gd name="connsiteX19" fmla="*/ 3490661 w 6712809"/>
                      <a:gd name="connsiteY19" fmla="*/ 2431435 h 2431435"/>
                      <a:gd name="connsiteX20" fmla="*/ 2685124 w 6712809"/>
                      <a:gd name="connsiteY20" fmla="*/ 2431435 h 2431435"/>
                      <a:gd name="connsiteX21" fmla="*/ 2013843 w 6712809"/>
                      <a:gd name="connsiteY21" fmla="*/ 2431435 h 2431435"/>
                      <a:gd name="connsiteX22" fmla="*/ 1342562 w 6712809"/>
                      <a:gd name="connsiteY22" fmla="*/ 2431435 h 2431435"/>
                      <a:gd name="connsiteX23" fmla="*/ 604153 w 6712809"/>
                      <a:gd name="connsiteY23" fmla="*/ 2431435 h 2431435"/>
                      <a:gd name="connsiteX24" fmla="*/ 0 w 6712809"/>
                      <a:gd name="connsiteY24" fmla="*/ 2431435 h 2431435"/>
                      <a:gd name="connsiteX25" fmla="*/ 0 w 6712809"/>
                      <a:gd name="connsiteY25" fmla="*/ 1896519 h 2431435"/>
                      <a:gd name="connsiteX26" fmla="*/ 0 w 6712809"/>
                      <a:gd name="connsiteY26" fmla="*/ 1361604 h 2431435"/>
                      <a:gd name="connsiteX27" fmla="*/ 0 w 6712809"/>
                      <a:gd name="connsiteY27" fmla="*/ 729431 h 2431435"/>
                      <a:gd name="connsiteX28" fmla="*/ 0 w 6712809"/>
                      <a:gd name="connsiteY28" fmla="*/ 0 h 2431435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  <a:cxn ang="0">
                        <a:pos x="connsiteX5" y="connsiteY5"/>
                      </a:cxn>
                      <a:cxn ang="0">
                        <a:pos x="connsiteX6" y="connsiteY6"/>
                      </a:cxn>
                      <a:cxn ang="0">
                        <a:pos x="connsiteX7" y="connsiteY7"/>
                      </a:cxn>
                      <a:cxn ang="0">
                        <a:pos x="connsiteX8" y="connsiteY8"/>
                      </a:cxn>
                      <a:cxn ang="0">
                        <a:pos x="connsiteX9" y="connsiteY9"/>
                      </a:cxn>
                      <a:cxn ang="0">
                        <a:pos x="connsiteX10" y="connsiteY10"/>
                      </a:cxn>
                      <a:cxn ang="0">
                        <a:pos x="connsiteX11" y="connsiteY11"/>
                      </a:cxn>
                      <a:cxn ang="0">
                        <a:pos x="connsiteX12" y="connsiteY12"/>
                      </a:cxn>
                      <a:cxn ang="0">
                        <a:pos x="connsiteX13" y="connsiteY13"/>
                      </a:cxn>
                      <a:cxn ang="0">
                        <a:pos x="connsiteX14" y="connsiteY14"/>
                      </a:cxn>
                      <a:cxn ang="0">
                        <a:pos x="connsiteX15" y="connsiteY15"/>
                      </a:cxn>
                      <a:cxn ang="0">
                        <a:pos x="connsiteX16" y="connsiteY16"/>
                      </a:cxn>
                      <a:cxn ang="0">
                        <a:pos x="connsiteX17" y="connsiteY17"/>
                      </a:cxn>
                      <a:cxn ang="0">
                        <a:pos x="connsiteX18" y="connsiteY18"/>
                      </a:cxn>
                      <a:cxn ang="0">
                        <a:pos x="connsiteX19" y="connsiteY19"/>
                      </a:cxn>
                      <a:cxn ang="0">
                        <a:pos x="connsiteX20" y="connsiteY20"/>
                      </a:cxn>
                      <a:cxn ang="0">
                        <a:pos x="connsiteX21" y="connsiteY21"/>
                      </a:cxn>
                      <a:cxn ang="0">
                        <a:pos x="connsiteX22" y="connsiteY22"/>
                      </a:cxn>
                      <a:cxn ang="0">
                        <a:pos x="connsiteX23" y="connsiteY23"/>
                      </a:cxn>
                      <a:cxn ang="0">
                        <a:pos x="connsiteX24" y="connsiteY24"/>
                      </a:cxn>
                      <a:cxn ang="0">
                        <a:pos x="connsiteX25" y="connsiteY25"/>
                      </a:cxn>
                      <a:cxn ang="0">
                        <a:pos x="connsiteX26" y="connsiteY26"/>
                      </a:cxn>
                      <a:cxn ang="0">
                        <a:pos x="connsiteX27" y="connsiteY27"/>
                      </a:cxn>
                      <a:cxn ang="0">
                        <a:pos x="connsiteX28" y="connsiteY28"/>
                      </a:cxn>
                    </a:cxnLst>
                    <a:rect l="l" t="t" r="r" b="b"/>
                    <a:pathLst>
                      <a:path w="6712809" h="2431435" extrusionOk="0">
                        <a:moveTo>
                          <a:pt x="0" y="0"/>
                        </a:moveTo>
                        <a:cubicBezTo>
                          <a:pt x="281368" y="-21613"/>
                          <a:pt x="365565" y="10587"/>
                          <a:pt x="604153" y="0"/>
                        </a:cubicBezTo>
                        <a:cubicBezTo>
                          <a:pt x="842741" y="-10587"/>
                          <a:pt x="949932" y="23172"/>
                          <a:pt x="1208306" y="0"/>
                        </a:cubicBezTo>
                        <a:cubicBezTo>
                          <a:pt x="1466680" y="-23172"/>
                          <a:pt x="1785978" y="29697"/>
                          <a:pt x="2013843" y="0"/>
                        </a:cubicBezTo>
                        <a:cubicBezTo>
                          <a:pt x="2241708" y="-29697"/>
                          <a:pt x="2500981" y="-11164"/>
                          <a:pt x="2819380" y="0"/>
                        </a:cubicBezTo>
                        <a:cubicBezTo>
                          <a:pt x="3137779" y="11164"/>
                          <a:pt x="3384604" y="-18200"/>
                          <a:pt x="3557789" y="0"/>
                        </a:cubicBezTo>
                        <a:cubicBezTo>
                          <a:pt x="3730974" y="18200"/>
                          <a:pt x="3929701" y="19586"/>
                          <a:pt x="4027685" y="0"/>
                        </a:cubicBezTo>
                        <a:cubicBezTo>
                          <a:pt x="4125669" y="-19586"/>
                          <a:pt x="4557038" y="23631"/>
                          <a:pt x="4833222" y="0"/>
                        </a:cubicBezTo>
                        <a:cubicBezTo>
                          <a:pt x="5109406" y="-23631"/>
                          <a:pt x="5136132" y="-15220"/>
                          <a:pt x="5303119" y="0"/>
                        </a:cubicBezTo>
                        <a:cubicBezTo>
                          <a:pt x="5470106" y="15220"/>
                          <a:pt x="5612671" y="27151"/>
                          <a:pt x="5907272" y="0"/>
                        </a:cubicBezTo>
                        <a:cubicBezTo>
                          <a:pt x="6201873" y="-27151"/>
                          <a:pt x="6319296" y="-25376"/>
                          <a:pt x="6712809" y="0"/>
                        </a:cubicBezTo>
                        <a:cubicBezTo>
                          <a:pt x="6702566" y="191324"/>
                          <a:pt x="6723014" y="332416"/>
                          <a:pt x="6712809" y="583544"/>
                        </a:cubicBezTo>
                        <a:cubicBezTo>
                          <a:pt x="6702604" y="834672"/>
                          <a:pt x="6700325" y="882882"/>
                          <a:pt x="6712809" y="1142774"/>
                        </a:cubicBezTo>
                        <a:cubicBezTo>
                          <a:pt x="6725294" y="1402666"/>
                          <a:pt x="6706703" y="1551071"/>
                          <a:pt x="6712809" y="1726319"/>
                        </a:cubicBezTo>
                        <a:cubicBezTo>
                          <a:pt x="6718915" y="1901567"/>
                          <a:pt x="6736444" y="2258418"/>
                          <a:pt x="6712809" y="2431435"/>
                        </a:cubicBezTo>
                        <a:cubicBezTo>
                          <a:pt x="6506568" y="2395448"/>
                          <a:pt x="6262276" y="2404493"/>
                          <a:pt x="5974400" y="2431435"/>
                        </a:cubicBezTo>
                        <a:cubicBezTo>
                          <a:pt x="5686524" y="2458377"/>
                          <a:pt x="5587195" y="2447013"/>
                          <a:pt x="5370247" y="2431435"/>
                        </a:cubicBezTo>
                        <a:cubicBezTo>
                          <a:pt x="5153299" y="2415857"/>
                          <a:pt x="5045876" y="2427979"/>
                          <a:pt x="4900351" y="2431435"/>
                        </a:cubicBezTo>
                        <a:cubicBezTo>
                          <a:pt x="4754826" y="2434891"/>
                          <a:pt x="4528111" y="2444520"/>
                          <a:pt x="4229070" y="2431435"/>
                        </a:cubicBezTo>
                        <a:cubicBezTo>
                          <a:pt x="3930029" y="2418350"/>
                          <a:pt x="3724705" y="2425622"/>
                          <a:pt x="3490661" y="2431435"/>
                        </a:cubicBezTo>
                        <a:cubicBezTo>
                          <a:pt x="3256617" y="2437248"/>
                          <a:pt x="2926528" y="2425613"/>
                          <a:pt x="2685124" y="2431435"/>
                        </a:cubicBezTo>
                        <a:cubicBezTo>
                          <a:pt x="2443720" y="2437257"/>
                          <a:pt x="2271994" y="2409390"/>
                          <a:pt x="2013843" y="2431435"/>
                        </a:cubicBezTo>
                        <a:cubicBezTo>
                          <a:pt x="1755692" y="2453480"/>
                          <a:pt x="1570073" y="2428486"/>
                          <a:pt x="1342562" y="2431435"/>
                        </a:cubicBezTo>
                        <a:cubicBezTo>
                          <a:pt x="1115051" y="2434384"/>
                          <a:pt x="808852" y="2439503"/>
                          <a:pt x="604153" y="2431435"/>
                        </a:cubicBezTo>
                        <a:cubicBezTo>
                          <a:pt x="399454" y="2423367"/>
                          <a:pt x="279091" y="2424809"/>
                          <a:pt x="0" y="2431435"/>
                        </a:cubicBezTo>
                        <a:cubicBezTo>
                          <a:pt x="216" y="2227719"/>
                          <a:pt x="4634" y="2160108"/>
                          <a:pt x="0" y="1896519"/>
                        </a:cubicBezTo>
                        <a:cubicBezTo>
                          <a:pt x="-4634" y="1632930"/>
                          <a:pt x="13742" y="1518879"/>
                          <a:pt x="0" y="1361604"/>
                        </a:cubicBezTo>
                        <a:cubicBezTo>
                          <a:pt x="-13742" y="1204330"/>
                          <a:pt x="-315" y="908945"/>
                          <a:pt x="0" y="729431"/>
                        </a:cubicBezTo>
                        <a:cubicBezTo>
                          <a:pt x="315" y="549917"/>
                          <a:pt x="18485" y="220348"/>
                          <a:pt x="0" y="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3600" dirty="0"/>
              <a:t>SDU’s samlede uddannelsesadministration skal hele tiden skabe værdi og levere høj kvalitet</a:t>
            </a:r>
          </a:p>
          <a:p>
            <a:pPr algn="ctr"/>
            <a:endParaRPr lang="da-DK" sz="1400" dirty="0"/>
          </a:p>
        </p:txBody>
      </p:sp>
      <p:sp>
        <p:nvSpPr>
          <p:cNvPr id="11" name="Speech Bubble: Rectangle with Corners Rounded 10">
            <a:extLst>
              <a:ext uri="{FF2B5EF4-FFF2-40B4-BE49-F238E27FC236}">
                <a16:creationId xmlns:a16="http://schemas.microsoft.com/office/drawing/2014/main" id="{75A501B9-0CAB-00B0-F13D-F05E975AF00B}"/>
              </a:ext>
            </a:extLst>
          </p:cNvPr>
          <p:cNvSpPr/>
          <p:nvPr/>
        </p:nvSpPr>
        <p:spPr>
          <a:xfrm>
            <a:off x="1765609" y="3770650"/>
            <a:ext cx="8166538" cy="1629104"/>
          </a:xfrm>
          <a:prstGeom prst="wedgeRoundRectCallout">
            <a:avLst>
              <a:gd name="adj1" fmla="val -40267"/>
              <a:gd name="adj2" fmla="val 83790"/>
              <a:gd name="adj3" fmla="val 16667"/>
            </a:avLst>
          </a:prstGeom>
          <a:solidFill>
            <a:schemeClr val="bg1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2400" i="1" dirty="0">
                <a:solidFill>
                  <a:schemeClr val="tx1"/>
                </a:solidFill>
              </a:rPr>
              <a:t>Studerende, undervisere og administrative medarbejdere skal opleve uddannelsesadministration uden </a:t>
            </a:r>
          </a:p>
          <a:p>
            <a:pPr algn="ctr"/>
            <a:r>
              <a:rPr lang="da-DK" sz="2400" i="1" dirty="0">
                <a:solidFill>
                  <a:schemeClr val="tx1"/>
                </a:solidFill>
              </a:rPr>
              <a:t>bøvl, tvivl og omveje.</a:t>
            </a:r>
          </a:p>
        </p:txBody>
      </p:sp>
      <p:pic>
        <p:nvPicPr>
          <p:cNvPr id="1026" name="Picture 2" descr="Shovel Picture - ClipArt Best">
            <a:extLst>
              <a:ext uri="{FF2B5EF4-FFF2-40B4-BE49-F238E27FC236}">
                <a16:creationId xmlns:a16="http://schemas.microsoft.com/office/drawing/2014/main" id="{FD1A1DF4-5FDD-DEAA-E21F-86618A6F7C8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ackgroundRemoval t="9559" b="91765" l="10000" r="90000">
                        <a14:foregroundMark x1="29268" y1="91765" x2="29268" y2="91765"/>
                        <a14:foregroundMark x1="70000" y1="9559" x2="70000" y2="9559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06307" y="3770650"/>
            <a:ext cx="2451874" cy="20332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986430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ktangel 2">
            <a:extLst>
              <a:ext uri="{FF2B5EF4-FFF2-40B4-BE49-F238E27FC236}">
                <a16:creationId xmlns:a16="http://schemas.microsoft.com/office/drawing/2014/main" id="{E6E42BB4-6D8D-D048-4B66-BADF116F5DBC}"/>
              </a:ext>
            </a:extLst>
          </p:cNvPr>
          <p:cNvSpPr/>
          <p:nvPr/>
        </p:nvSpPr>
        <p:spPr>
          <a:xfrm>
            <a:off x="8408868" y="893959"/>
            <a:ext cx="3673653" cy="254704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ACF23387-F7FC-47FB-5216-E7A9E8E645D7}"/>
              </a:ext>
            </a:extLst>
          </p:cNvPr>
          <p:cNvSpPr/>
          <p:nvPr/>
        </p:nvSpPr>
        <p:spPr>
          <a:xfrm>
            <a:off x="179293" y="3689063"/>
            <a:ext cx="4628390" cy="254704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C492576A-4076-8C1F-7078-F360F39E502A}"/>
              </a:ext>
            </a:extLst>
          </p:cNvPr>
          <p:cNvSpPr/>
          <p:nvPr/>
        </p:nvSpPr>
        <p:spPr>
          <a:xfrm>
            <a:off x="8421447" y="3694423"/>
            <a:ext cx="3673653" cy="254704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F525865E-B430-FAD0-71C2-A59E35907AB3}"/>
              </a:ext>
            </a:extLst>
          </p:cNvPr>
          <p:cNvSpPr/>
          <p:nvPr/>
        </p:nvSpPr>
        <p:spPr>
          <a:xfrm>
            <a:off x="179292" y="893959"/>
            <a:ext cx="4628391" cy="253504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8FCD742-2A5D-8D79-0B54-718C513927E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6FF4513-8077-473D-B91F-3BC6D9C0D709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06-03-2025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1807A48-1FCB-F5CB-6583-0E35A5C669F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5D37B1E-C366-494F-A587-962AD9AABC83}" type="slidenum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Titel 1">
            <a:extLst>
              <a:ext uri="{FF2B5EF4-FFF2-40B4-BE49-F238E27FC236}">
                <a16:creationId xmlns:a16="http://schemas.microsoft.com/office/drawing/2014/main" id="{B713BD35-C87A-3F1E-1B09-64C6DA41D0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009" y="217756"/>
            <a:ext cx="7112641" cy="433347"/>
          </a:xfrm>
        </p:spPr>
        <p:txBody>
          <a:bodyPr/>
          <a:lstStyle/>
          <a:p>
            <a:r>
              <a:rPr lang="da-DK" sz="2400" dirty="0"/>
              <a:t>Omstilling af SDU’s uddannelsesadministration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E9258AC5-9A5E-FABE-30EE-6EF5E9552240}"/>
              </a:ext>
            </a:extLst>
          </p:cNvPr>
          <p:cNvSpPr txBox="1"/>
          <p:nvPr/>
        </p:nvSpPr>
        <p:spPr>
          <a:xfrm>
            <a:off x="385099" y="920085"/>
            <a:ext cx="4422584" cy="243143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marR="0" lvl="0" indent="-3429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eriod"/>
              <a:tabLst/>
              <a:defRPr/>
            </a:pPr>
            <a:r>
              <a:rPr lang="da-DK" b="1" dirty="0">
                <a:latin typeface="Arial"/>
              </a:rPr>
              <a:t>Hvorfor</a:t>
            </a:r>
          </a:p>
          <a:p>
            <a:pPr marR="0" lvl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tabLst/>
              <a:defRPr/>
            </a:pPr>
            <a:endParaRPr lang="da-DK" sz="1200" dirty="0">
              <a:latin typeface="Arial"/>
            </a:endParaRPr>
          </a:p>
          <a:p>
            <a:pPr marL="176213" marR="0" lvl="0" indent="-176213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latin typeface="Arial"/>
              </a:rPr>
              <a:t>Syddansk Universitet står overfor ændrede politiske, økonomiske, demografiske og teknologiske vilkår.</a:t>
            </a:r>
          </a:p>
          <a:p>
            <a:pPr marL="176213" marR="0" lvl="0" indent="-176213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latin typeface="Arial"/>
              </a:rPr>
              <a:t>SDU skal skifte studieinformationssystem (STADS) og den nuværende organisering gør det svært at få overblik og etablere fælles processer, services og digitalisering.</a:t>
            </a:r>
          </a:p>
          <a:p>
            <a:pPr marL="176213" marR="0" lvl="0" indent="-176213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latin typeface="Arial"/>
              </a:rPr>
              <a:t>Flere uddannelser udenfor Odense vil øge den organisatoriske kompleksitet.</a:t>
            </a:r>
          </a:p>
          <a:p>
            <a:pPr marL="176213" marR="0" lvl="0" indent="-176213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Typen og antallet af studerende ændrer sig </a:t>
            </a:r>
            <a:r>
              <a:rPr lang="da-DK" sz="1200" dirty="0">
                <a:latin typeface="Arial"/>
              </a:rPr>
              <a:t>og det kræver ændringer i den uddannelsesadministrative understøttelse.</a:t>
            </a:r>
            <a:endParaRPr kumimoji="0" lang="da-DK" sz="120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330B7240-DEDD-2E70-B84A-C53C67843CFA}"/>
              </a:ext>
            </a:extLst>
          </p:cNvPr>
          <p:cNvSpPr txBox="1"/>
          <p:nvPr/>
        </p:nvSpPr>
        <p:spPr>
          <a:xfrm>
            <a:off x="385099" y="3745058"/>
            <a:ext cx="3406322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400" b="0" i="0" u="none" strike="noStrike" kern="120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A5128579-5BF7-DED8-6A03-06BBB8B67E11}"/>
              </a:ext>
            </a:extLst>
          </p:cNvPr>
          <p:cNvSpPr txBox="1"/>
          <p:nvPr/>
        </p:nvSpPr>
        <p:spPr>
          <a:xfrm>
            <a:off x="8590885" y="3852961"/>
            <a:ext cx="3349373" cy="196977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b="1" dirty="0">
                <a:latin typeface="Arial"/>
              </a:rPr>
              <a:t>6</a:t>
            </a:r>
            <a:r>
              <a:rPr kumimoji="0" lang="da-DK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. Konsekvenser/risici</a:t>
            </a:r>
            <a:endParaRPr kumimoji="0" lang="da-DK" sz="1400" b="1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4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Omstillingen vil have både negative og positive konsekvenser og særligt for medarbejdere i uddannelsesadministrationen på tværs af SDU, i form af:</a:t>
            </a:r>
          </a:p>
          <a:p>
            <a:pPr marL="179388" marR="0" lvl="0" indent="-179388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Ændringer af roller og ansvar</a:t>
            </a:r>
          </a:p>
          <a:p>
            <a:pPr marL="179388" marR="0" lvl="0" indent="-179388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Ændret opgaveportefølje</a:t>
            </a:r>
          </a:p>
          <a:p>
            <a:pPr marL="179388" marR="0" lvl="0" indent="-179388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Kompetenceløft</a:t>
            </a:r>
          </a:p>
          <a:p>
            <a:pPr marL="179388" marR="0" lvl="0" indent="-179388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solidFill>
                  <a:srgbClr val="000000"/>
                </a:solidFill>
                <a:latin typeface="Arial"/>
              </a:rPr>
              <a:t>Mere specialiseret opgaveløsning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Rektangel 6">
            <a:extLst>
              <a:ext uri="{FF2B5EF4-FFF2-40B4-BE49-F238E27FC236}">
                <a16:creationId xmlns:a16="http://schemas.microsoft.com/office/drawing/2014/main" id="{FA0CD469-3118-E5D0-5CD1-F4ADA5F909C2}"/>
              </a:ext>
            </a:extLst>
          </p:cNvPr>
          <p:cNvSpPr/>
          <p:nvPr/>
        </p:nvSpPr>
        <p:spPr>
          <a:xfrm>
            <a:off x="5003295" y="3705818"/>
            <a:ext cx="3222540" cy="254704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5" name="Rektangel 1">
            <a:extLst>
              <a:ext uri="{FF2B5EF4-FFF2-40B4-BE49-F238E27FC236}">
                <a16:creationId xmlns:a16="http://schemas.microsoft.com/office/drawing/2014/main" id="{2928A550-2DA0-9CBF-019A-67D1A68290C9}"/>
              </a:ext>
            </a:extLst>
          </p:cNvPr>
          <p:cNvSpPr/>
          <p:nvPr/>
        </p:nvSpPr>
        <p:spPr>
          <a:xfrm>
            <a:off x="5013490" y="907537"/>
            <a:ext cx="3212345" cy="254704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7" name="Tekstfelt 10">
            <a:extLst>
              <a:ext uri="{FF2B5EF4-FFF2-40B4-BE49-F238E27FC236}">
                <a16:creationId xmlns:a16="http://schemas.microsoft.com/office/drawing/2014/main" id="{13CB4F01-6316-68AB-3E27-14E745B3D51A}"/>
              </a:ext>
            </a:extLst>
          </p:cNvPr>
          <p:cNvSpPr txBox="1"/>
          <p:nvPr/>
        </p:nvSpPr>
        <p:spPr>
          <a:xfrm>
            <a:off x="5153025" y="1008552"/>
            <a:ext cx="2759803" cy="196977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b="1" dirty="0">
                <a:latin typeface="Arial"/>
              </a:rPr>
              <a:t>3</a:t>
            </a:r>
            <a:r>
              <a:rPr kumimoji="0" lang="da-DK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. </a:t>
            </a:r>
            <a:r>
              <a:rPr lang="da-DK" b="1" dirty="0">
                <a:latin typeface="Arial"/>
              </a:rPr>
              <a:t>Gevinster</a:t>
            </a:r>
            <a:endParaRPr kumimoji="0" lang="da-DK" sz="1400" b="1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4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Det betyder, at uddannelsesadministrationen kan: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latin typeface="Arial"/>
              </a:rPr>
              <a:t>Fr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igør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 ressourcer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latin typeface="Arial"/>
              </a:rPr>
              <a:t>Skabe sammenhængende brugeroplevelser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latin typeface="Arial"/>
              </a:rPr>
              <a:t>B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live bedre til at arbejde strategisk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latin typeface="Arial"/>
              </a:rPr>
              <a:t>B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live bedre til udvikling</a:t>
            </a:r>
            <a:endParaRPr kumimoji="0" lang="da-DK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8" name="Tekstfelt 9">
            <a:extLst>
              <a:ext uri="{FF2B5EF4-FFF2-40B4-BE49-F238E27FC236}">
                <a16:creationId xmlns:a16="http://schemas.microsoft.com/office/drawing/2014/main" id="{EA4F7138-9F1E-F4EB-68E5-159222384B4A}"/>
              </a:ext>
            </a:extLst>
          </p:cNvPr>
          <p:cNvSpPr txBox="1"/>
          <p:nvPr/>
        </p:nvSpPr>
        <p:spPr>
          <a:xfrm>
            <a:off x="385098" y="3738621"/>
            <a:ext cx="4348827" cy="252376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b="1" dirty="0">
                <a:latin typeface="Arial"/>
              </a:rPr>
              <a:t>2</a:t>
            </a:r>
            <a:r>
              <a:rPr kumimoji="0" lang="da-DK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. Analys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4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Analysen af SDU’s samlede uddannelsesadministration (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Carv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) konkluderer, at vores organisering og opgaveløsning er præget af uhensigtsmæssig stor varians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Eksempler på varians er:</a:t>
            </a:r>
          </a:p>
          <a:p>
            <a:pPr marL="179388" marR="0" lvl="0" indent="-179388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Opgaveporteføljer og ressourceforbrug</a:t>
            </a:r>
          </a:p>
          <a:p>
            <a:pPr marL="179388" marR="0" lvl="0" indent="-179388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Den organisatoriske opbygning af campusbyerne</a:t>
            </a:r>
          </a:p>
          <a:p>
            <a:pPr marL="179388" marR="0" lvl="0" indent="-179388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Niveauer af administration (FA, FAK, institutter)</a:t>
            </a:r>
          </a:p>
          <a:p>
            <a:pPr marR="0" lvl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R="0" lvl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Studerende efterspørger sammenhæng i de uddannelsesadministrative processer og individualiseret service (SDU SIS program).</a:t>
            </a:r>
            <a:endParaRPr kumimoji="0" lang="da-DK" sz="14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D1C1FD3E-C913-86B3-DEB6-A3E78F4AB3B8}"/>
              </a:ext>
            </a:extLst>
          </p:cNvPr>
          <p:cNvSpPr txBox="1"/>
          <p:nvPr/>
        </p:nvSpPr>
        <p:spPr>
          <a:xfrm>
            <a:off x="5153025" y="3839487"/>
            <a:ext cx="3072810" cy="215443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4. Hvordan</a:t>
            </a:r>
            <a:endParaRPr kumimoji="0" lang="da-DK" sz="1400" b="1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Den nødvendige omstilling er en omfattende proces, og vil ske gennem: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En fælles vision for den samlede uddannelsesadministration på tværs af SDU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>
                <a:latin typeface="Arial"/>
              </a:rPr>
              <a:t>P</a:t>
            </a:r>
            <a:r>
              <a:rPr kumimoji="0" lang="da-DK" sz="1200" b="0" i="0" u="none" strike="noStrike" kern="1200" cap="none" spc="0" normalizeH="0" baseline="0" noProof="0" err="1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rincipper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 for organiseringen af opgaverne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Involverende process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400" b="0" i="0" u="none" strike="noStrike" kern="120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kstfelt 10">
            <a:extLst>
              <a:ext uri="{FF2B5EF4-FFF2-40B4-BE49-F238E27FC236}">
                <a16:creationId xmlns:a16="http://schemas.microsoft.com/office/drawing/2014/main" id="{BF7842A6-37DE-6199-6AC8-7955F1F7A45C}"/>
              </a:ext>
            </a:extLst>
          </p:cNvPr>
          <p:cNvSpPr txBox="1"/>
          <p:nvPr/>
        </p:nvSpPr>
        <p:spPr>
          <a:xfrm>
            <a:off x="8547725" y="1024322"/>
            <a:ext cx="3406322" cy="196977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5. Hvornår</a:t>
            </a:r>
            <a:endParaRPr kumimoji="0" lang="da-DK" sz="1400" b="1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4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>
                <a:tab pos="452438" algn="l"/>
              </a:tabLst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2025: 	</a:t>
            </a:r>
            <a:r>
              <a:rPr lang="da-DK" sz="1200" dirty="0">
                <a:solidFill>
                  <a:srgbClr val="000000"/>
                </a:solidFill>
                <a:latin typeface="Arial"/>
              </a:rPr>
              <a:t>Ændret organisering af de 	uddannelsesadministrative opgaver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da-DK" sz="1200" dirty="0">
              <a:solidFill>
                <a:srgbClr val="000000"/>
              </a:solidFill>
              <a:latin typeface="Arial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>
                <a:tab pos="452438" algn="l"/>
              </a:tabLst>
              <a:defRPr/>
            </a:pPr>
            <a:r>
              <a:rPr lang="da-DK" sz="1200" dirty="0">
                <a:solidFill>
                  <a:srgbClr val="000000"/>
                </a:solidFill>
                <a:latin typeface="Arial"/>
              </a:rPr>
              <a:t>2026: 	Fælles processer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>
                <a:tab pos="452438" algn="l"/>
              </a:tabLst>
              <a:defRPr/>
            </a:pPr>
            <a:r>
              <a:rPr lang="da-DK" sz="1200" dirty="0">
                <a:solidFill>
                  <a:srgbClr val="000000"/>
                </a:solidFill>
                <a:latin typeface="Arial"/>
              </a:rPr>
              <a:t>	Finde helt på plads i den nye 	organisering.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>
                <a:tab pos="452438" algn="l"/>
              </a:tabLst>
              <a:defRPr/>
            </a:pPr>
            <a:r>
              <a:rPr lang="da-DK" sz="1200" dirty="0">
                <a:solidFill>
                  <a:srgbClr val="000000"/>
                </a:solidFill>
                <a:latin typeface="Arial"/>
              </a:rPr>
              <a:t>2027:	Implementering af </a:t>
            </a:r>
            <a:r>
              <a:rPr lang="da-DK" sz="1200" dirty="0" err="1">
                <a:solidFill>
                  <a:srgbClr val="000000"/>
                </a:solidFill>
                <a:latin typeface="Arial"/>
              </a:rPr>
              <a:t>Eduhub</a:t>
            </a:r>
            <a:r>
              <a:rPr lang="da-DK" sz="1200" dirty="0">
                <a:solidFill>
                  <a:srgbClr val="000000"/>
                </a:solidFill>
                <a:latin typeface="Arial"/>
              </a:rPr>
              <a:t> (</a:t>
            </a:r>
            <a:r>
              <a:rPr lang="da-DK" sz="1200" dirty="0" err="1">
                <a:solidFill>
                  <a:srgbClr val="000000"/>
                </a:solidFill>
                <a:latin typeface="Arial"/>
              </a:rPr>
              <a:t>NytSIS</a:t>
            </a:r>
            <a:r>
              <a:rPr lang="da-DK" sz="1200" dirty="0">
                <a:solidFill>
                  <a:srgbClr val="000000"/>
                </a:solidFill>
                <a:latin typeface="Arial"/>
              </a:rPr>
              <a:t>).</a:t>
            </a:r>
            <a:endParaRPr kumimoji="0" lang="da-DK" sz="1200" b="0" i="0" u="none" strike="noStrike" kern="120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7FA4A891-CC22-63DA-85A6-6CB5671B42AE}"/>
              </a:ext>
            </a:extLst>
          </p:cNvPr>
          <p:cNvCxnSpPr>
            <a:cxnSpLocks/>
          </p:cNvCxnSpPr>
          <p:nvPr/>
        </p:nvCxnSpPr>
        <p:spPr>
          <a:xfrm>
            <a:off x="4848453" y="1152525"/>
            <a:ext cx="0" cy="5083584"/>
          </a:xfrm>
          <a:prstGeom prst="line">
            <a:avLst/>
          </a:prstGeom>
          <a:ln>
            <a:solidFill>
              <a:schemeClr val="accent6"/>
            </a:solidFill>
            <a:prstDash val="lg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E0D3E4A1-4F4D-5A13-0541-B236E8F999CB}"/>
              </a:ext>
            </a:extLst>
          </p:cNvPr>
          <p:cNvCxnSpPr>
            <a:cxnSpLocks/>
          </p:cNvCxnSpPr>
          <p:nvPr/>
        </p:nvCxnSpPr>
        <p:spPr>
          <a:xfrm>
            <a:off x="8300044" y="1085102"/>
            <a:ext cx="6875" cy="5073517"/>
          </a:xfrm>
          <a:prstGeom prst="line">
            <a:avLst/>
          </a:prstGeom>
          <a:ln>
            <a:solidFill>
              <a:schemeClr val="accent6"/>
            </a:solidFill>
            <a:prstDash val="lg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7ECE60D5-4D4A-0F23-A468-C42A89B651C9}"/>
              </a:ext>
            </a:extLst>
          </p:cNvPr>
          <p:cNvCxnSpPr>
            <a:cxnSpLocks/>
          </p:cNvCxnSpPr>
          <p:nvPr/>
        </p:nvCxnSpPr>
        <p:spPr>
          <a:xfrm>
            <a:off x="400009" y="3528153"/>
            <a:ext cx="4182501" cy="0"/>
          </a:xfrm>
          <a:prstGeom prst="line">
            <a:avLst/>
          </a:prstGeom>
          <a:ln>
            <a:solidFill>
              <a:schemeClr val="accent6"/>
            </a:solidFill>
            <a:prstDash val="lg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31BF8A9B-7CEC-9AD9-F5C5-0E796E340EAA}"/>
              </a:ext>
            </a:extLst>
          </p:cNvPr>
          <p:cNvCxnSpPr>
            <a:cxnSpLocks/>
          </p:cNvCxnSpPr>
          <p:nvPr/>
        </p:nvCxnSpPr>
        <p:spPr>
          <a:xfrm>
            <a:off x="5013490" y="3528153"/>
            <a:ext cx="3121517" cy="0"/>
          </a:xfrm>
          <a:prstGeom prst="line">
            <a:avLst/>
          </a:prstGeom>
          <a:ln>
            <a:solidFill>
              <a:schemeClr val="accent6"/>
            </a:solidFill>
            <a:prstDash val="lg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20FD7816-CCE6-A7F2-00A7-29999D547AB5}"/>
              </a:ext>
            </a:extLst>
          </p:cNvPr>
          <p:cNvCxnSpPr>
            <a:cxnSpLocks/>
          </p:cNvCxnSpPr>
          <p:nvPr/>
        </p:nvCxnSpPr>
        <p:spPr>
          <a:xfrm>
            <a:off x="8421447" y="3528153"/>
            <a:ext cx="3121517" cy="0"/>
          </a:xfrm>
          <a:prstGeom prst="line">
            <a:avLst/>
          </a:prstGeom>
          <a:ln>
            <a:solidFill>
              <a:schemeClr val="accent6"/>
            </a:solidFill>
            <a:prstDash val="lg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44098734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336EC4-930E-9940-912E-467218313C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384289"/>
            <a:ext cx="10962000" cy="671967"/>
          </a:xfrm>
        </p:spPr>
        <p:txBody>
          <a:bodyPr/>
          <a:lstStyle/>
          <a:p>
            <a:r>
              <a:rPr lang="da-DK" dirty="0"/>
              <a:t>Næste skrid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4F1D771-6440-04D9-01C7-5D9B4CF6290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926" y="1137799"/>
            <a:ext cx="10961237" cy="5115855"/>
          </a:xfrm>
        </p:spPr>
        <p:txBody>
          <a:bodyPr/>
          <a:lstStyle/>
          <a:p>
            <a:pPr marL="0" indent="0">
              <a:buNone/>
            </a:pPr>
            <a:r>
              <a:rPr lang="da-DK" sz="2400" dirty="0">
                <a:latin typeface="+mj-lt"/>
              </a:rPr>
              <a:t>Vi skal have aftalt, hvordan vi skal gå til opgaven: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2400" dirty="0">
                <a:latin typeface="+mj-lt"/>
              </a:rPr>
              <a:t>Status på direktionsmødet senere i dag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2400" dirty="0">
                <a:latin typeface="+mj-lt"/>
              </a:rPr>
              <a:t>Styregruppemøde med fokus på kommissorium og opgaveafgrænsning</a:t>
            </a:r>
          </a:p>
          <a:p>
            <a:pPr marL="0" indent="0">
              <a:buNone/>
            </a:pPr>
            <a:endParaRPr lang="da-DK" sz="2400" dirty="0">
              <a:latin typeface="+mj-lt"/>
            </a:endParaRPr>
          </a:p>
          <a:p>
            <a:pPr marL="0" indent="0">
              <a:buNone/>
            </a:pPr>
            <a:r>
              <a:rPr lang="da-DK" sz="2400" dirty="0">
                <a:latin typeface="+mj-lt"/>
              </a:rPr>
              <a:t>Vi </a:t>
            </a:r>
            <a:r>
              <a:rPr lang="da-DK" sz="2400" i="1" dirty="0">
                <a:latin typeface="+mj-lt"/>
              </a:rPr>
              <a:t>forestiller</a:t>
            </a:r>
            <a:r>
              <a:rPr lang="da-DK" sz="2400" dirty="0">
                <a:latin typeface="+mj-lt"/>
              </a:rPr>
              <a:t> os, at vi for hver opgave skal:</a:t>
            </a:r>
          </a:p>
          <a:p>
            <a:pPr marL="0" marR="0" indent="0" algn="l" rtl="0" eaLnBrk="1" fontAlgn="auto" latinLnBrk="0" hangingPunct="1">
              <a:buNone/>
            </a:pPr>
            <a:r>
              <a:rPr lang="da-DK" sz="2400" b="0" i="0" u="none" strike="noStrike" kern="1200" dirty="0">
                <a:solidFill>
                  <a:srgbClr val="000000"/>
                </a:solidFill>
                <a:effectLst/>
                <a:latin typeface="+mj-lt"/>
              </a:rPr>
              <a:t>1. Analysere om der er tvivl, bøvl og omveje, når opgaven løses</a:t>
            </a:r>
            <a:endParaRPr lang="da-DK" sz="2400" b="0" i="0" u="none" strike="noStrike" dirty="0">
              <a:effectLst/>
              <a:latin typeface="+mj-lt"/>
            </a:endParaRPr>
          </a:p>
          <a:p>
            <a:pPr marL="0" indent="0" algn="l" rtl="0" eaLnBrk="1" fontAlgn="t" latinLnBrk="0" hangingPunct="1">
              <a:buNone/>
            </a:pPr>
            <a:r>
              <a:rPr lang="da-DK" sz="2400" b="0" i="0" u="none" strike="noStrike" kern="1200" dirty="0">
                <a:solidFill>
                  <a:srgbClr val="000000"/>
                </a:solidFill>
                <a:effectLst/>
                <a:latin typeface="+mj-lt"/>
              </a:rPr>
              <a:t>2. Udarbejde forslag til om bøvlet kan løses </a:t>
            </a:r>
            <a:r>
              <a:rPr lang="da-DK" sz="2400" dirty="0">
                <a:solidFill>
                  <a:srgbClr val="000000"/>
                </a:solidFill>
                <a:latin typeface="+mj-lt"/>
              </a:rPr>
              <a:t>ved at organisere opgaven på en anden måde</a:t>
            </a:r>
          </a:p>
          <a:p>
            <a:pPr marL="0" indent="0" algn="l" rtl="0" eaLnBrk="1" fontAlgn="t" latinLnBrk="0" hangingPunct="1">
              <a:buNone/>
            </a:pPr>
            <a:r>
              <a:rPr lang="da-DK" sz="2400" b="0" i="0" u="none" strike="noStrike" kern="1200" dirty="0">
                <a:solidFill>
                  <a:srgbClr val="000000"/>
                </a:solidFill>
                <a:effectLst/>
                <a:latin typeface="+mj-lt"/>
              </a:rPr>
              <a:t>3. Sikre </a:t>
            </a:r>
            <a:r>
              <a:rPr lang="da-DK" sz="2400" dirty="0">
                <a:solidFill>
                  <a:srgbClr val="000000"/>
                </a:solidFill>
                <a:latin typeface="+mj-lt"/>
              </a:rPr>
              <a:t>inddragelse i beslutninger og ved </a:t>
            </a:r>
            <a:r>
              <a:rPr lang="da-DK" sz="2400" b="0" i="0" u="none" strike="noStrike" kern="1200" dirty="0">
                <a:solidFill>
                  <a:srgbClr val="000000"/>
                </a:solidFill>
                <a:effectLst/>
                <a:latin typeface="+mj-lt"/>
              </a:rPr>
              <a:t>implementering</a:t>
            </a:r>
          </a:p>
          <a:p>
            <a:pPr marL="0" indent="0" algn="l" rtl="0" eaLnBrk="1" fontAlgn="t" latinLnBrk="0" hangingPunct="1">
              <a:buNone/>
            </a:pPr>
            <a:endParaRPr lang="da-DK" sz="2400" dirty="0">
              <a:solidFill>
                <a:srgbClr val="000000"/>
              </a:solidFill>
              <a:latin typeface="+mj-lt"/>
            </a:endParaRPr>
          </a:p>
          <a:p>
            <a:pPr marL="0" indent="0" algn="l" rtl="0" eaLnBrk="1" fontAlgn="t" latinLnBrk="0" hangingPunct="1">
              <a:buNone/>
            </a:pPr>
            <a:r>
              <a:rPr lang="da-DK" sz="2400" dirty="0">
                <a:solidFill>
                  <a:srgbClr val="000000"/>
                </a:solidFill>
                <a:latin typeface="+mj-lt"/>
              </a:rPr>
              <a:t>- Og så skal vi drikke en masse kaffe med organisationen </a:t>
            </a:r>
            <a:r>
              <a:rPr lang="da-DK" sz="2400" dirty="0">
                <a:solidFill>
                  <a:srgbClr val="000000"/>
                </a:solidFill>
                <a:latin typeface="+mj-lt"/>
                <a:sym typeface="Wingdings" panose="05000000000000000000" pitchFamily="2" charset="2"/>
              </a:rPr>
              <a:t></a:t>
            </a:r>
            <a:endParaRPr lang="da-DK" sz="2400" dirty="0">
              <a:solidFill>
                <a:srgbClr val="000000"/>
              </a:solidFill>
              <a:latin typeface="+mj-lt"/>
            </a:endParaRPr>
          </a:p>
          <a:p>
            <a:pPr marL="0" indent="0" algn="l" rtl="0" eaLnBrk="1" fontAlgn="t" latinLnBrk="0" hangingPunct="1">
              <a:buNone/>
            </a:pPr>
            <a:endParaRPr lang="da-DK" sz="2400" b="0" i="0" u="none" strike="noStrike" dirty="0">
              <a:effectLst/>
              <a:latin typeface="+mj-lt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E97C050-7221-6162-AE86-A6112D032B5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B681E24-7F92-4056-BFD2-06F67E4EF63F}" type="datetime1">
              <a:rPr lang="da-DK" smtClean="0"/>
              <a:t>06-03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FBE22EA-1A7B-54DC-3B05-D7EBA5B4252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/>
          </a:p>
        </p:txBody>
      </p:sp>
      <p:pic>
        <p:nvPicPr>
          <p:cNvPr id="2050" name="Picture 2" descr="Icono de taza de café, png | PNGWing">
            <a:extLst>
              <a:ext uri="{FF2B5EF4-FFF2-40B4-BE49-F238E27FC236}">
                <a16:creationId xmlns:a16="http://schemas.microsoft.com/office/drawing/2014/main" id="{1DBD554F-B723-D4AE-9D46-F388E4CA471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ackgroundRemoval t="5556" b="93403" l="10000" r="90000">
                        <a14:foregroundMark x1="48804" y1="14236" x2="48804" y2="14236"/>
                        <a14:foregroundMark x1="48913" y1="5729" x2="48913" y2="5729"/>
                        <a14:foregroundMark x1="39674" y1="89063" x2="39674" y2="89063"/>
                        <a14:foregroundMark x1="45543" y1="93403" x2="45543" y2="93403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76157" y="4116766"/>
            <a:ext cx="3764565" cy="23569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947534112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1_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3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E49BB44ECDEA544807CB65B074A6BF7" ma:contentTypeVersion="11" ma:contentTypeDescription="Opret et nyt dokument." ma:contentTypeScope="" ma:versionID="bdd8039324115201dda870d6820b3162">
  <xsd:schema xmlns:xsd="http://www.w3.org/2001/XMLSchema" xmlns:xs="http://www.w3.org/2001/XMLSchema" xmlns:p="http://schemas.microsoft.com/office/2006/metadata/properties" xmlns:ns2="a53f070a-2a29-4712-9176-321b20a37ddd" xmlns:ns3="bc688423-29de-4d5c-b1de-f88adf5895ff" targetNamespace="http://schemas.microsoft.com/office/2006/metadata/properties" ma:root="true" ma:fieldsID="4b3bf84f2d94be6818e9fbca2afdbf21" ns2:_="" ns3:_="">
    <xsd:import namespace="a53f070a-2a29-4712-9176-321b20a37ddd"/>
    <xsd:import namespace="bc688423-29de-4d5c-b1de-f88adf5895f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53f070a-2a29-4712-9176-321b20a37dd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c688423-29de-4d5c-b1de-f88adf5895ff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740ca010-434c-4deb-834d-55fc1ca031b8}" ma:internalName="TaxCatchAll" ma:showField="CatchAllData" ma:web="bc688423-29de-4d5c-b1de-f88adf5895f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bc688423-29de-4d5c-b1de-f88adf5895ff"/>
    <lcf76f155ced4ddcb4097134ff3c332f xmlns="a53f070a-2a29-4712-9176-321b20a37ddd">
      <Terms xmlns="http://schemas.microsoft.com/office/infopath/2007/PartnerControls"/>
    </lcf76f155ced4ddcb4097134ff3c332f>
  </documentManagement>
</p:properties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891895636011205","enableDocumentContentUpdater":true,"version":"1.3"}]]></TemplafySlideTemplate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7926249703923580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7BE61D74-4C91-45C4-95BA-763DE4783067}">
  <ds:schemaRefs/>
</ds:datastoreItem>
</file>

<file path=customXml/itemProps2.xml><?xml version="1.0" encoding="utf-8"?>
<ds:datastoreItem xmlns:ds="http://schemas.openxmlformats.org/officeDocument/2006/customXml" ds:itemID="{323FE265-988E-4364-A1C2-66EF28C54201}">
  <ds:schemaRefs>
    <ds:schemaRef ds:uri="a53f070a-2a29-4712-9176-321b20a37ddd"/>
    <ds:schemaRef ds:uri="bc688423-29de-4d5c-b1de-f88adf5895ff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26FFA3F3-4E6A-4900-9286-E3E09AC7AEC5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microsoft.com/office/2006/documentManagement/types"/>
    <ds:schemaRef ds:uri="a53f070a-2a29-4712-9176-321b20a37ddd"/>
    <ds:schemaRef ds:uri="http://purl.org/dc/terms/"/>
    <ds:schemaRef ds:uri="bc688423-29de-4d5c-b1de-f88adf5895ff"/>
    <ds:schemaRef ds:uri="http://purl.org/dc/dcmitype/"/>
    <ds:schemaRef ds:uri="http://schemas.openxmlformats.org/package/2006/metadata/core-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220EF802-8AEE-4DF6-8DD9-DEE78CFBFA62}">
  <ds:schemaRefs/>
</ds:datastoreItem>
</file>

<file path=customXml/itemProps5.xml><?xml version="1.0" encoding="utf-8"?>
<ds:datastoreItem xmlns:ds="http://schemas.openxmlformats.org/officeDocument/2006/customXml" ds:itemID="{EE28BFCC-DBF4-4FD1-9808-C73B09EFA925}">
  <ds:schemaRefs/>
</ds:datastoreItem>
</file>

<file path=customXml/itemProps6.xml><?xml version="1.0" encoding="utf-8"?>
<ds:datastoreItem xmlns:ds="http://schemas.openxmlformats.org/officeDocument/2006/customXml" ds:itemID="{8A405656-6C4F-4C73-958C-1744EC0D04F1}">
  <ds:schemaRefs/>
</ds:datastoreItem>
</file>

<file path=customXml/itemProps7.xml><?xml version="1.0" encoding="utf-8"?>
<ds:datastoreItem xmlns:ds="http://schemas.openxmlformats.org/officeDocument/2006/customXml" ds:itemID="{44C6F360-4465-456E-AD06-5E0499679B90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E3874ABC-2065-4A7D-A58C-B9BA277BFB16}">
  <ds:schemaRefs/>
</ds:datastoreItem>
</file>

<file path=customXml/itemProps9.xml><?xml version="1.0" encoding="utf-8"?>
<ds:datastoreItem xmlns:ds="http://schemas.openxmlformats.org/officeDocument/2006/customXml" ds:itemID="{44BBE220-8825-409F-AA6F-0C166462C0A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854</TotalTime>
  <Words>676</Words>
  <Application>Microsoft Office PowerPoint</Application>
  <PresentationFormat>Widescreen</PresentationFormat>
  <Paragraphs>120</Paragraphs>
  <Slides>6</Slides>
  <Notes>4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3</vt:i4>
      </vt:variant>
      <vt:variant>
        <vt:lpstr>Slidetitler</vt:lpstr>
      </vt:variant>
      <vt:variant>
        <vt:i4>6</vt:i4>
      </vt:variant>
    </vt:vector>
  </HeadingPairs>
  <TitlesOfParts>
    <vt:vector size="11" baseType="lpstr">
      <vt:lpstr>Arial</vt:lpstr>
      <vt:lpstr>Wingdings</vt:lpstr>
      <vt:lpstr>Blank</vt:lpstr>
      <vt:lpstr>1_Blank</vt:lpstr>
      <vt:lpstr>SDU</vt:lpstr>
      <vt:lpstr>Der er behov for, at vi kigger på organiseringen af de uddannelsesadministrative opgaver fordi…</vt:lpstr>
      <vt:lpstr>Omstillingen af uddannelsesadministrationen planlægges i bølger</vt:lpstr>
      <vt:lpstr>PowerPoint-præsentation</vt:lpstr>
      <vt:lpstr>Vision</vt:lpstr>
      <vt:lpstr>Omstilling af SDU’s uddannelsesadministration</vt:lpstr>
      <vt:lpstr>Næste skridt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tinne Hørup Hansen</dc:creator>
  <cp:keywords/>
  <dc:description/>
  <cp:lastModifiedBy>Simone Andersen</cp:lastModifiedBy>
  <cp:revision>8</cp:revision>
  <cp:lastPrinted>2025-02-04T07:42:26Z</cp:lastPrinted>
  <dcterms:created xsi:type="dcterms:W3CDTF">2024-06-18T07:16:02Z</dcterms:created>
  <dcterms:modified xsi:type="dcterms:W3CDTF">2025-03-06T13:59:0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30420320487394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6E49BB44ECDEA544807CB65B074A6BF7</vt:lpwstr>
  </property>
  <property fmtid="{D5CDD505-2E9C-101B-9397-08002B2CF9AE}" pid="9" name="MediaServiceImageTags">
    <vt:lpwstr/>
  </property>
  <property fmtid="{D5CDD505-2E9C-101B-9397-08002B2CF9AE}" pid="10" name="Order">
    <vt:r8>10000</vt:r8>
  </property>
  <property fmtid="{D5CDD505-2E9C-101B-9397-08002B2CF9AE}" pid="11" name="xd_Signature">
    <vt:bool>false</vt:bool>
  </property>
  <property fmtid="{D5CDD505-2E9C-101B-9397-08002B2CF9AE}" pid="12" name="xd_ProgID">
    <vt:lpwstr/>
  </property>
  <property fmtid="{D5CDD505-2E9C-101B-9397-08002B2CF9AE}" pid="13" name="ComplianceAssetId">
    <vt:lpwstr/>
  </property>
  <property fmtid="{D5CDD505-2E9C-101B-9397-08002B2CF9AE}" pid="14" name="TemplateUrl">
    <vt:lpwstr/>
  </property>
  <property fmtid="{D5CDD505-2E9C-101B-9397-08002B2CF9AE}" pid="15" name="_ExtendedDescription">
    <vt:lpwstr/>
  </property>
  <property fmtid="{D5CDD505-2E9C-101B-9397-08002B2CF9AE}" pid="16" name="TriggerFlowInfo">
    <vt:lpwstr/>
  </property>
</Properties>
</file>